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義務教育学校（横浜市・相模原市）" sheetId="1" r:id="rId1"/>
  </sheets>
  <definedNames>
    <definedName name="_xlnm.Print_Area" localSheetId="0">'義務教育学校（横浜市・相模原市）'!$A$1:$I$18</definedName>
  </definedNames>
  <calcPr calcId="125725"/>
</workbook>
</file>

<file path=xl/sharedStrings.xml><?xml version="1.0" encoding="utf-8"?>
<sst xmlns="http://schemas.openxmlformats.org/spreadsheetml/2006/main" count="56" uniqueCount="54"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横浜市</t>
    <rPh sb="0" eb="3">
      <t>ヨコハマシ</t>
    </rPh>
    <phoneticPr fontId="1"/>
  </si>
  <si>
    <t>よみがな</t>
    <phoneticPr fontId="1"/>
  </si>
  <si>
    <t>（本校1校）</t>
    <rPh sb="1" eb="3">
      <t>ホンコウ</t>
    </rPh>
    <rPh sb="4" eb="5">
      <t>コウ</t>
    </rPh>
    <phoneticPr fontId="1"/>
  </si>
  <si>
    <t>横浜市立霧が丘義務教育学校</t>
    <rPh sb="0" eb="4">
      <t>ヨコハマシリツ</t>
    </rPh>
    <rPh sb="4" eb="5">
      <t>キリ</t>
    </rPh>
    <rPh sb="6" eb="7">
      <t>オカ</t>
    </rPh>
    <rPh sb="7" eb="9">
      <t>ギム</t>
    </rPh>
    <rPh sb="9" eb="11">
      <t>キョウイク</t>
    </rPh>
    <rPh sb="11" eb="13">
      <t>ガッコウ</t>
    </rPh>
    <phoneticPr fontId="1"/>
  </si>
  <si>
    <r>
      <t>(045)</t>
    </r>
    <r>
      <rPr>
        <sz val="11"/>
        <rFont val="ＭＳ Ｐゴシック"/>
        <family val="3"/>
        <charset val="128"/>
      </rPr>
      <t>92</t>
    </r>
    <r>
      <rPr>
        <sz val="11"/>
        <rFont val="ＭＳ Ｐゴシック"/>
        <family val="3"/>
        <charset val="128"/>
      </rPr>
      <t>1-</t>
    </r>
    <r>
      <rPr>
        <sz val="11"/>
        <rFont val="ＭＳ Ｐゴシック"/>
        <family val="3"/>
        <charset val="128"/>
      </rPr>
      <t>8002</t>
    </r>
    <phoneticPr fontId="1"/>
  </si>
  <si>
    <t>(045)922-6041</t>
  </si>
  <si>
    <t>緑区</t>
    <rPh sb="0" eb="1">
      <t>ミドリ</t>
    </rPh>
    <rPh sb="1" eb="2">
      <t>ク</t>
    </rPh>
    <phoneticPr fontId="1"/>
  </si>
  <si>
    <t>金沢区</t>
    <rPh sb="0" eb="2">
      <t>カナザワ</t>
    </rPh>
    <rPh sb="2" eb="3">
      <t>ク</t>
    </rPh>
    <phoneticPr fontId="1"/>
  </si>
  <si>
    <t>横浜市立西金沢義務教育学校</t>
    <rPh sb="0" eb="4">
      <t>ヨコハマシリツ</t>
    </rPh>
    <rPh sb="4" eb="5">
      <t>ニシ</t>
    </rPh>
    <rPh sb="5" eb="7">
      <t>カナザワ</t>
    </rPh>
    <rPh sb="7" eb="9">
      <t>ギム</t>
    </rPh>
    <rPh sb="9" eb="11">
      <t>キョウイク</t>
    </rPh>
    <rPh sb="11" eb="13">
      <t>ガッコウ</t>
    </rPh>
    <phoneticPr fontId="1"/>
  </si>
  <si>
    <t>にしかなざわ</t>
    <phoneticPr fontId="1"/>
  </si>
  <si>
    <t>236-0046</t>
    <phoneticPr fontId="1"/>
  </si>
  <si>
    <t>設置者</t>
    <rPh sb="0" eb="2">
      <t>セッチ</t>
    </rPh>
    <rPh sb="2" eb="3">
      <t>シャ</t>
    </rPh>
    <phoneticPr fontId="1"/>
  </si>
  <si>
    <t>横浜市金沢区釜利谷西4-19-1</t>
    <rPh sb="0" eb="3">
      <t>ヨコハマシ</t>
    </rPh>
    <phoneticPr fontId="1"/>
  </si>
  <si>
    <t>ファクシミリ</t>
    <phoneticPr fontId="1"/>
  </si>
  <si>
    <t>義務教育学校</t>
    <rPh sb="0" eb="2">
      <t>ギム</t>
    </rPh>
    <rPh sb="2" eb="4">
      <t>キョウイク</t>
    </rPh>
    <rPh sb="4" eb="6">
      <t>ガッコウ</t>
    </rPh>
    <phoneticPr fontId="1"/>
  </si>
  <si>
    <t>相模原市</t>
    <rPh sb="0" eb="4">
      <t>サガミハラシ</t>
    </rPh>
    <phoneticPr fontId="1"/>
  </si>
  <si>
    <t>(045)784-0921</t>
    <phoneticPr fontId="1"/>
  </si>
  <si>
    <t>(045)701-8045</t>
    <phoneticPr fontId="1"/>
  </si>
  <si>
    <t>きりがおか</t>
    <phoneticPr fontId="1"/>
  </si>
  <si>
    <r>
      <t>2</t>
    </r>
    <r>
      <rPr>
        <sz val="11"/>
        <rFont val="ＭＳ Ｐゴシック"/>
        <family val="3"/>
        <charset val="128"/>
      </rPr>
      <t>26-0016</t>
    </r>
    <phoneticPr fontId="1"/>
  </si>
  <si>
    <t>(045)922-6409</t>
    <phoneticPr fontId="1"/>
  </si>
  <si>
    <t>(045)921-8004</t>
    <phoneticPr fontId="1"/>
  </si>
  <si>
    <r>
      <t>横浜市緑区霧が丘4-3</t>
    </r>
    <r>
      <rPr>
        <sz val="11"/>
        <rFont val="ＭＳ Ｐゴシック"/>
        <family val="3"/>
        <charset val="128"/>
      </rPr>
      <t>（前期課程）</t>
    </r>
    <rPh sb="3" eb="4">
      <t>ミドリ</t>
    </rPh>
    <rPh sb="5" eb="6">
      <t>キリ</t>
    </rPh>
    <rPh sb="7" eb="8">
      <t>オカ</t>
    </rPh>
    <rPh sb="12" eb="14">
      <t>ゼンキ</t>
    </rPh>
    <rPh sb="14" eb="16">
      <t>カテイ</t>
    </rPh>
    <phoneticPr fontId="1"/>
  </si>
  <si>
    <r>
      <t>横浜市緑区霧が丘4-4</t>
    </r>
    <r>
      <rPr>
        <sz val="11"/>
        <rFont val="ＭＳ Ｐゴシック"/>
        <family val="3"/>
        <charset val="128"/>
      </rPr>
      <t>（後期課程）</t>
    </r>
    <rPh sb="3" eb="4">
      <t>ミドリ</t>
    </rPh>
    <rPh sb="5" eb="6">
      <t>キリ</t>
    </rPh>
    <rPh sb="7" eb="8">
      <t>オカ</t>
    </rPh>
    <rPh sb="12" eb="14">
      <t>コウキ</t>
    </rPh>
    <rPh sb="14" eb="16">
      <t>カテイ</t>
    </rPh>
    <phoneticPr fontId="1"/>
  </si>
  <si>
    <t>泉区</t>
    <rPh sb="0" eb="2">
      <t>イズミク</t>
    </rPh>
    <phoneticPr fontId="1"/>
  </si>
  <si>
    <t>横浜市立緑園義務教育学校</t>
    <phoneticPr fontId="1"/>
  </si>
  <si>
    <t>りょくえん</t>
    <phoneticPr fontId="1"/>
  </si>
  <si>
    <t>245-0002</t>
    <phoneticPr fontId="1"/>
  </si>
  <si>
    <t>横浜市泉区緑園5-28</t>
    <phoneticPr fontId="1"/>
  </si>
  <si>
    <t>（本校1校）</t>
    <phoneticPr fontId="1"/>
  </si>
  <si>
    <t>（本校3校）</t>
    <phoneticPr fontId="1"/>
  </si>
  <si>
    <t>(045)811-6710</t>
    <phoneticPr fontId="1"/>
  </si>
  <si>
    <t>(045)812-5894</t>
    <phoneticPr fontId="1"/>
  </si>
  <si>
    <t>(045)811-6030</t>
    <phoneticPr fontId="1"/>
  </si>
  <si>
    <t>(045)811-0744</t>
    <phoneticPr fontId="1"/>
  </si>
  <si>
    <t>相模原市立青和学園</t>
  </si>
  <si>
    <t>せいわがくえん</t>
  </si>
  <si>
    <t>252-0161</t>
  </si>
  <si>
    <t>相模原市緑区青野原1250-1</t>
  </si>
  <si>
    <t>(042)787-0014</t>
  </si>
  <si>
    <t>(042)787-0041</t>
  </si>
  <si>
    <r>
      <t>（本校</t>
    </r>
    <r>
      <rPr>
        <sz val="11"/>
        <rFont val="ＭＳ Ｐゴシック"/>
        <family val="3"/>
        <charset val="128"/>
      </rPr>
      <t>2校）</t>
    </r>
    <phoneticPr fontId="1"/>
  </si>
  <si>
    <t>緑区
（本校2校）</t>
    <rPh sb="0" eb="2">
      <t>ミドリク</t>
    </rPh>
    <rPh sb="4" eb="6">
      <t>ホンコウ</t>
    </rPh>
    <rPh sb="7" eb="8">
      <t>コウ</t>
    </rPh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相模原市立鳥屋学園</t>
  </si>
  <si>
    <t>とやがくえん</t>
  </si>
  <si>
    <t>252-0155</t>
  </si>
  <si>
    <t>相模原市緑区鳥屋1339</t>
  </si>
  <si>
    <t>(042)785-0239</t>
  </si>
  <si>
    <t>(042)785-030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71">
    <xf numFmtId="0" fontId="0" fillId="0" borderId="0" xfId="0"/>
    <xf numFmtId="0" fontId="0" fillId="0" borderId="0" xfId="0" applyAlignment="1">
      <alignment horizontal="center"/>
    </xf>
    <xf numFmtId="1" fontId="2" fillId="0" borderId="0" xfId="0" applyNumberFormat="1" applyFont="1" applyFill="1" applyBorder="1" applyAlignment="1" applyProtection="1">
      <alignment horizontal="left" vertical="top" wrapText="1"/>
      <protection locked="0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0" xfId="0" applyFont="1"/>
    <xf numFmtId="0" fontId="4" fillId="0" borderId="0" xfId="0" applyFont="1" applyFill="1"/>
    <xf numFmtId="0" fontId="4" fillId="0" borderId="0" xfId="0" applyFont="1" applyFill="1" applyAlignment="1">
      <alignment horizontal="center"/>
    </xf>
    <xf numFmtId="0" fontId="4" fillId="0" borderId="0" xfId="0" applyFont="1" applyAlignment="1">
      <alignment horizontal="center"/>
    </xf>
    <xf numFmtId="0" fontId="4" fillId="0" borderId="1" xfId="0" applyFont="1" applyBorder="1"/>
    <xf numFmtId="49" fontId="4" fillId="0" borderId="0" xfId="0" applyNumberFormat="1" applyFont="1" applyFill="1" applyBorder="1" applyAlignment="1">
      <alignment horizontal="left" vertical="center" wrapText="1"/>
    </xf>
    <xf numFmtId="49" fontId="4" fillId="0" borderId="0" xfId="0" applyNumberFormat="1" applyFont="1" applyFill="1" applyBorder="1" applyAlignment="1">
      <alignment vertical="center" wrapText="1"/>
    </xf>
    <xf numFmtId="0" fontId="5" fillId="0" borderId="0" xfId="0" applyFont="1" applyFill="1"/>
    <xf numFmtId="0" fontId="4" fillId="2" borderId="2" xfId="0" applyFont="1" applyFill="1" applyBorder="1" applyAlignment="1">
      <alignment horizontal="center" vertical="center"/>
    </xf>
    <xf numFmtId="0" fontId="4" fillId="2" borderId="3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0" borderId="0" xfId="0" applyFont="1" applyFill="1"/>
    <xf numFmtId="0" fontId="4" fillId="0" borderId="5" xfId="0" applyNumberFormat="1" applyFont="1" applyFill="1" applyBorder="1" applyAlignment="1">
      <alignment horizontal="center" vertical="center" shrinkToFit="1"/>
    </xf>
    <xf numFmtId="0" fontId="0" fillId="0" borderId="6" xfId="0" applyNumberFormat="1" applyFill="1" applyBorder="1" applyAlignment="1">
      <alignment horizontal="center" vertical="center" shrinkToFit="1"/>
    </xf>
    <xf numFmtId="0" fontId="0" fillId="0" borderId="10" xfId="0" applyNumberFormat="1" applyFill="1" applyBorder="1" applyAlignment="1">
      <alignment horizontal="center" vertical="center" shrinkToFit="1"/>
    </xf>
    <xf numFmtId="0" fontId="0" fillId="0" borderId="12" xfId="0" applyNumberFormat="1" applyFill="1" applyBorder="1" applyAlignment="1">
      <alignment horizontal="center" vertical="center" shrinkToFit="1"/>
    </xf>
    <xf numFmtId="0" fontId="4" fillId="0" borderId="9" xfId="0" applyNumberFormat="1" applyFont="1" applyFill="1" applyBorder="1" applyAlignment="1">
      <alignment horizontal="center" vertical="center" shrinkToFit="1"/>
    </xf>
    <xf numFmtId="0" fontId="0" fillId="0" borderId="11" xfId="0" applyNumberFormat="1" applyFill="1" applyBorder="1" applyAlignment="1">
      <alignment horizontal="center" vertical="center" shrinkToFit="1"/>
    </xf>
    <xf numFmtId="0" fontId="0" fillId="0" borderId="9" xfId="0" applyNumberFormat="1" applyFill="1" applyBorder="1" applyAlignment="1">
      <alignment horizontal="center" vertical="center" shrinkToFit="1"/>
    </xf>
    <xf numFmtId="0" fontId="0" fillId="0" borderId="22" xfId="0" applyNumberFormat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vertical="center" shrinkToFit="1"/>
    </xf>
    <xf numFmtId="0" fontId="0" fillId="0" borderId="18" xfId="0" applyNumberFormat="1" applyBorder="1" applyAlignment="1">
      <alignment horizontal="center" vertical="center" shrinkToFit="1"/>
    </xf>
    <xf numFmtId="0" fontId="0" fillId="0" borderId="24" xfId="0" applyNumberFormat="1" applyFill="1" applyBorder="1" applyAlignment="1">
      <alignment horizontal="center" vertical="center" shrinkToFit="1"/>
    </xf>
    <xf numFmtId="0" fontId="0" fillId="0" borderId="25" xfId="0" applyNumberFormat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vertical="center" shrinkToFit="1"/>
    </xf>
    <xf numFmtId="0" fontId="0" fillId="0" borderId="26" xfId="0" applyNumberFormat="1" applyFill="1" applyBorder="1" applyAlignment="1">
      <alignment horizontal="center" vertical="center" shrinkToFit="1"/>
    </xf>
    <xf numFmtId="0" fontId="4" fillId="0" borderId="27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28" xfId="0" applyNumberFormat="1" applyFill="1" applyBorder="1" applyAlignment="1">
      <alignment horizontal="center" vertical="center" shrinkToFit="1"/>
    </xf>
    <xf numFmtId="0" fontId="0" fillId="0" borderId="29" xfId="0" applyNumberFormat="1" applyFont="1" applyFill="1" applyBorder="1" applyAlignment="1">
      <alignment horizontal="center" vertical="center" shrinkToFit="1"/>
    </xf>
    <xf numFmtId="0" fontId="4" fillId="0" borderId="0" xfId="0" applyFont="1" applyBorder="1"/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left" vertical="center" shrinkToFit="1"/>
    </xf>
    <xf numFmtId="0" fontId="0" fillId="0" borderId="8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left" vertical="center" shrinkToFit="1"/>
    </xf>
    <xf numFmtId="0" fontId="0" fillId="0" borderId="12" xfId="0" applyNumberFormat="1" applyFont="1" applyFill="1" applyBorder="1" applyAlignment="1">
      <alignment horizontal="left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2" borderId="13" xfId="0" applyFont="1" applyFill="1" applyBorder="1" applyAlignment="1">
      <alignment horizontal="center" vertical="center"/>
    </xf>
    <xf numFmtId="0" fontId="4" fillId="2" borderId="14" xfId="0" applyFont="1" applyFill="1" applyBorder="1" applyAlignment="1">
      <alignment horizontal="center" vertical="center"/>
    </xf>
    <xf numFmtId="0" fontId="0" fillId="0" borderId="6" xfId="0" applyNumberFormat="1" applyBorder="1" applyAlignment="1">
      <alignment horizontal="left" vertical="center" shrinkToFit="1"/>
    </xf>
    <xf numFmtId="0" fontId="0" fillId="0" borderId="12" xfId="0" applyNumberFormat="1" applyBorder="1" applyAlignment="1">
      <alignment horizontal="left" vertical="center" shrinkToFit="1"/>
    </xf>
    <xf numFmtId="0" fontId="0" fillId="0" borderId="18" xfId="0" applyNumberFormat="1" applyBorder="1" applyAlignment="1">
      <alignment horizontal="left" vertical="center" shrinkToFit="1"/>
    </xf>
    <xf numFmtId="0" fontId="0" fillId="0" borderId="6" xfId="0" applyNumberFormat="1" applyBorder="1" applyAlignment="1">
      <alignment horizontal="center" vertical="center" shrinkToFit="1"/>
    </xf>
    <xf numFmtId="0" fontId="0" fillId="0" borderId="12" xfId="0" applyNumberFormat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6" xfId="0" applyNumberFormat="1" applyFill="1" applyBorder="1" applyAlignment="1">
      <alignment horizontal="center" vertical="center" shrinkToFit="1"/>
    </xf>
    <xf numFmtId="0" fontId="0" fillId="0" borderId="12" xfId="0" applyNumberFormat="1" applyFill="1" applyBorder="1" applyAlignment="1">
      <alignment horizontal="center" vertical="center" shrinkToFit="1"/>
    </xf>
    <xf numFmtId="0" fontId="0" fillId="0" borderId="15" xfId="0" applyNumberFormat="1" applyFill="1" applyBorder="1" applyAlignment="1">
      <alignment horizontal="center" vertical="center" shrinkToFit="1"/>
    </xf>
    <xf numFmtId="0" fontId="0" fillId="0" borderId="16" xfId="0" applyNumberForma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center" vertical="center" wrapText="1" shrinkToFit="1"/>
    </xf>
    <xf numFmtId="0" fontId="0" fillId="0" borderId="11" xfId="0" applyNumberFormat="1" applyFont="1" applyFill="1" applyBorder="1" applyAlignment="1">
      <alignment horizontal="center" vertical="center" wrapText="1" shrinkToFit="1"/>
    </xf>
    <xf numFmtId="0" fontId="0" fillId="0" borderId="8" xfId="0" applyNumberFormat="1" applyFont="1" applyFill="1" applyBorder="1" applyAlignment="1">
      <alignment horizontal="center" vertical="center" wrapText="1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" xfId="0" applyFont="1" applyFill="1" applyBorder="1" applyAlignment="1">
      <alignment horizontal="right"/>
    </xf>
    <xf numFmtId="0" fontId="0" fillId="0" borderId="20" xfId="0" applyNumberFormat="1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M534"/>
  <sheetViews>
    <sheetView showGridLines="0" tabSelected="1" zoomScaleNormal="100" zoomScaleSheetLayoutView="100" workbookViewId="0">
      <selection activeCell="I13" sqref="I13:I14"/>
    </sheetView>
  </sheetViews>
  <sheetFormatPr defaultRowHeight="13" x14ac:dyDescent="0.2"/>
  <cols>
    <col min="1" max="1" width="1.26953125" style="3" customWidth="1"/>
    <col min="2" max="2" width="11.7265625" style="10" customWidth="1"/>
    <col min="3" max="3" width="14.08984375" style="10" customWidth="1"/>
    <col min="4" max="4" width="28" style="7" bestFit="1" customWidth="1"/>
    <col min="5" max="5" width="18.08984375" style="7" customWidth="1"/>
    <col min="6" max="6" width="9" style="10"/>
    <col min="7" max="7" width="28.6328125" style="7" customWidth="1"/>
    <col min="8" max="9" width="14.26953125" style="10" customWidth="1"/>
    <col min="10" max="10" width="9" style="3"/>
    <col min="12" max="12" width="13.08984375" customWidth="1"/>
    <col min="13" max="13" width="23.90625" customWidth="1"/>
    <col min="14" max="14" width="21.36328125" customWidth="1"/>
    <col min="15" max="15" width="13.453125" customWidth="1"/>
    <col min="17" max="17" width="25.36328125" customWidth="1"/>
  </cols>
  <sheetData>
    <row r="2" spans="1:10" x14ac:dyDescent="0.2">
      <c r="B2" s="5" t="s">
        <v>18</v>
      </c>
      <c r="C2" s="6"/>
      <c r="E2" s="8"/>
      <c r="F2" s="9"/>
    </row>
    <row r="3" spans="1:10" ht="13.5" thickBot="1" x14ac:dyDescent="0.25">
      <c r="G3" s="11"/>
      <c r="H3" s="69" t="s">
        <v>47</v>
      </c>
      <c r="I3" s="69"/>
    </row>
    <row r="4" spans="1:10" s="1" customFormat="1" ht="30" customHeight="1" thickBot="1" x14ac:dyDescent="0.25">
      <c r="A4" s="4"/>
      <c r="B4" s="52" t="s">
        <v>15</v>
      </c>
      <c r="C4" s="53"/>
      <c r="D4" s="15" t="s">
        <v>0</v>
      </c>
      <c r="E4" s="16" t="s">
        <v>5</v>
      </c>
      <c r="F4" s="15" t="s">
        <v>1</v>
      </c>
      <c r="G4" s="16" t="s">
        <v>2</v>
      </c>
      <c r="H4" s="16" t="s">
        <v>3</v>
      </c>
      <c r="I4" s="17" t="s">
        <v>17</v>
      </c>
      <c r="J4" s="4"/>
    </row>
    <row r="5" spans="1:10" ht="13.5" customHeight="1" x14ac:dyDescent="0.2">
      <c r="B5" s="19" t="s">
        <v>4</v>
      </c>
      <c r="C5" s="20" t="s">
        <v>11</v>
      </c>
      <c r="D5" s="54" t="s">
        <v>12</v>
      </c>
      <c r="E5" s="54" t="s">
        <v>13</v>
      </c>
      <c r="F5" s="57" t="s">
        <v>14</v>
      </c>
      <c r="G5" s="59" t="s">
        <v>16</v>
      </c>
      <c r="H5" s="60" t="s">
        <v>20</v>
      </c>
      <c r="I5" s="62" t="s">
        <v>21</v>
      </c>
    </row>
    <row r="6" spans="1:10" ht="13.5" customHeight="1" x14ac:dyDescent="0.2">
      <c r="B6" s="21" t="s">
        <v>34</v>
      </c>
      <c r="C6" s="22" t="s">
        <v>6</v>
      </c>
      <c r="D6" s="55"/>
      <c r="E6" s="55"/>
      <c r="F6" s="58"/>
      <c r="G6" s="49"/>
      <c r="H6" s="61"/>
      <c r="I6" s="63"/>
    </row>
    <row r="7" spans="1:10" ht="13.5" customHeight="1" x14ac:dyDescent="0.2">
      <c r="B7" s="23"/>
      <c r="C7" s="24" t="s">
        <v>10</v>
      </c>
      <c r="D7" s="56" t="s">
        <v>7</v>
      </c>
      <c r="E7" s="56" t="s">
        <v>22</v>
      </c>
      <c r="F7" s="26" t="s">
        <v>23</v>
      </c>
      <c r="G7" s="27" t="s">
        <v>26</v>
      </c>
      <c r="H7" s="28" t="s">
        <v>8</v>
      </c>
      <c r="I7" s="29" t="s">
        <v>24</v>
      </c>
    </row>
    <row r="8" spans="1:10" ht="13.5" customHeight="1" x14ac:dyDescent="0.2">
      <c r="B8" s="25"/>
      <c r="C8" s="24" t="s">
        <v>6</v>
      </c>
      <c r="D8" s="55"/>
      <c r="E8" s="55"/>
      <c r="F8" s="30" t="s">
        <v>23</v>
      </c>
      <c r="G8" s="31" t="s">
        <v>27</v>
      </c>
      <c r="H8" s="32" t="s">
        <v>25</v>
      </c>
      <c r="I8" s="33" t="s">
        <v>9</v>
      </c>
    </row>
    <row r="9" spans="1:10" ht="13.5" customHeight="1" x14ac:dyDescent="0.2">
      <c r="B9" s="25"/>
      <c r="C9" s="37" t="s">
        <v>28</v>
      </c>
      <c r="D9" s="48" t="s">
        <v>29</v>
      </c>
      <c r="E9" s="48" t="s">
        <v>30</v>
      </c>
      <c r="F9" s="50" t="s">
        <v>31</v>
      </c>
      <c r="G9" s="48" t="s">
        <v>32</v>
      </c>
      <c r="H9" s="35" t="s">
        <v>35</v>
      </c>
      <c r="I9" s="34" t="s">
        <v>36</v>
      </c>
    </row>
    <row r="10" spans="1:10" ht="13.5" customHeight="1" x14ac:dyDescent="0.2">
      <c r="B10" s="38"/>
      <c r="C10" s="36" t="s">
        <v>33</v>
      </c>
      <c r="D10" s="49"/>
      <c r="E10" s="49"/>
      <c r="F10" s="51"/>
      <c r="G10" s="49"/>
      <c r="H10" s="36" t="s">
        <v>37</v>
      </c>
      <c r="I10" s="39" t="s">
        <v>38</v>
      </c>
    </row>
    <row r="11" spans="1:10" ht="13.5" customHeight="1" x14ac:dyDescent="0.2">
      <c r="B11" s="43" t="s">
        <v>19</v>
      </c>
      <c r="C11" s="64" t="s">
        <v>46</v>
      </c>
      <c r="D11" s="44" t="s">
        <v>39</v>
      </c>
      <c r="E11" s="44" t="s">
        <v>40</v>
      </c>
      <c r="F11" s="46" t="s">
        <v>41</v>
      </c>
      <c r="G11" s="44" t="s">
        <v>42</v>
      </c>
      <c r="H11" s="46" t="s">
        <v>43</v>
      </c>
      <c r="I11" s="67" t="s">
        <v>44</v>
      </c>
    </row>
    <row r="12" spans="1:10" ht="13.5" customHeight="1" x14ac:dyDescent="0.2">
      <c r="B12" s="42" t="s">
        <v>45</v>
      </c>
      <c r="C12" s="65"/>
      <c r="D12" s="49"/>
      <c r="E12" s="49"/>
      <c r="F12" s="51"/>
      <c r="G12" s="49"/>
      <c r="H12" s="51"/>
      <c r="I12" s="68"/>
    </row>
    <row r="13" spans="1:10" s="18" customFormat="1" ht="13.5" customHeight="1" x14ac:dyDescent="0.2">
      <c r="B13" s="42"/>
      <c r="C13" s="65"/>
      <c r="D13" s="44" t="s">
        <v>48</v>
      </c>
      <c r="E13" s="44" t="s">
        <v>49</v>
      </c>
      <c r="F13" s="46" t="s">
        <v>50</v>
      </c>
      <c r="G13" s="44" t="s">
        <v>51</v>
      </c>
      <c r="H13" s="46" t="s">
        <v>52</v>
      </c>
      <c r="I13" s="67" t="s">
        <v>53</v>
      </c>
    </row>
    <row r="14" spans="1:10" s="18" customFormat="1" ht="13.5" customHeight="1" thickBot="1" x14ac:dyDescent="0.25">
      <c r="B14" s="41"/>
      <c r="C14" s="66"/>
      <c r="D14" s="45"/>
      <c r="E14" s="45"/>
      <c r="F14" s="47"/>
      <c r="G14" s="45"/>
      <c r="H14" s="47"/>
      <c r="I14" s="70"/>
    </row>
    <row r="15" spans="1:10" ht="13.5" customHeight="1" x14ac:dyDescent="0.2"/>
    <row r="16" spans="1:10" ht="13.5" customHeight="1" x14ac:dyDescent="0.2"/>
    <row r="17" spans="4:4" ht="13.5" customHeight="1" x14ac:dyDescent="0.2"/>
    <row r="18" spans="4:4" ht="13.5" customHeight="1" x14ac:dyDescent="0.2"/>
    <row r="19" spans="4:4" ht="13.5" customHeight="1" x14ac:dyDescent="0.2">
      <c r="D19" s="40"/>
    </row>
    <row r="20" spans="4:4" ht="13.5" customHeight="1" x14ac:dyDescent="0.2"/>
    <row r="21" spans="4:4" ht="13.5" customHeight="1" x14ac:dyDescent="0.2"/>
    <row r="22" spans="4:4" ht="13.5" customHeight="1" x14ac:dyDescent="0.2"/>
    <row r="23" spans="4:4" ht="13.5" customHeight="1" x14ac:dyDescent="0.2"/>
    <row r="24" spans="4:4" ht="13.5" customHeight="1" x14ac:dyDescent="0.2"/>
    <row r="25" spans="4:4" ht="13.5" customHeight="1" x14ac:dyDescent="0.2"/>
    <row r="26" spans="4:4" ht="13.5" customHeight="1" x14ac:dyDescent="0.2"/>
    <row r="27" spans="4:4" ht="13.5" customHeight="1" x14ac:dyDescent="0.2"/>
    <row r="28" spans="4:4" ht="13.5" customHeight="1" x14ac:dyDescent="0.2"/>
    <row r="29" spans="4:4" ht="13.5" customHeight="1" x14ac:dyDescent="0.2"/>
    <row r="30" spans="4:4" ht="13.5" customHeight="1" x14ac:dyDescent="0.2"/>
    <row r="31" spans="4:4" ht="13.5" customHeight="1" x14ac:dyDescent="0.2"/>
    <row r="32" spans="4:4" ht="13.5" customHeight="1" x14ac:dyDescent="0.2"/>
    <row r="33" ht="13.5" customHeight="1" x14ac:dyDescent="0.2"/>
    <row r="34" ht="13.5" customHeight="1" x14ac:dyDescent="0.2"/>
    <row r="35" ht="13.5" customHeight="1" x14ac:dyDescent="0.2"/>
    <row r="36" ht="13.5" customHeight="1" x14ac:dyDescent="0.2"/>
    <row r="37" ht="13.5" customHeight="1" x14ac:dyDescent="0.2"/>
    <row r="38" ht="13.5" customHeight="1" x14ac:dyDescent="0.2"/>
    <row r="39" ht="13.5" customHeight="1" x14ac:dyDescent="0.2"/>
    <row r="40" ht="13.5" customHeight="1" x14ac:dyDescent="0.2"/>
    <row r="41" ht="13.5" customHeight="1" x14ac:dyDescent="0.2"/>
    <row r="42" ht="13.5" customHeight="1" x14ac:dyDescent="0.2"/>
    <row r="43" ht="13.5" customHeight="1" x14ac:dyDescent="0.2"/>
    <row r="44" ht="13.5" customHeight="1" x14ac:dyDescent="0.2"/>
    <row r="45" ht="13.5" customHeight="1" x14ac:dyDescent="0.2"/>
    <row r="46" ht="13.5" customHeight="1" x14ac:dyDescent="0.2"/>
    <row r="47" ht="13.5" customHeight="1" x14ac:dyDescent="0.2"/>
    <row r="48" ht="13.5" customHeight="1" x14ac:dyDescent="0.2"/>
    <row r="49" ht="13.5" customHeight="1" x14ac:dyDescent="0.2"/>
    <row r="50" ht="13.5" customHeight="1" x14ac:dyDescent="0.2"/>
    <row r="51" ht="13.5" customHeight="1" x14ac:dyDescent="0.2"/>
    <row r="52" ht="13.5" customHeight="1" x14ac:dyDescent="0.2"/>
    <row r="53" ht="13.5" customHeight="1" x14ac:dyDescent="0.2"/>
    <row r="54" ht="13.5" customHeight="1" x14ac:dyDescent="0.2"/>
    <row r="55" ht="13.5" customHeight="1" x14ac:dyDescent="0.2"/>
    <row r="56" ht="13.5" customHeight="1" x14ac:dyDescent="0.2"/>
    <row r="57" ht="13.5" customHeight="1" x14ac:dyDescent="0.2"/>
    <row r="58" ht="13.5" customHeight="1" x14ac:dyDescent="0.2"/>
    <row r="59" ht="13.5" customHeight="1" x14ac:dyDescent="0.2"/>
    <row r="60" ht="13.5" customHeight="1" x14ac:dyDescent="0.2"/>
    <row r="61" ht="13.5" customHeight="1" x14ac:dyDescent="0.2"/>
    <row r="62" ht="13.5" customHeight="1" x14ac:dyDescent="0.2"/>
    <row r="63" ht="13.5" customHeight="1" x14ac:dyDescent="0.2"/>
    <row r="64" ht="13.5" customHeight="1" x14ac:dyDescent="0.2"/>
    <row r="65" ht="13.5" customHeight="1" x14ac:dyDescent="0.2"/>
    <row r="66" ht="13.5" customHeight="1" x14ac:dyDescent="0.2"/>
    <row r="67" ht="13.5" customHeight="1" x14ac:dyDescent="0.2"/>
    <row r="68" ht="13.5" customHeight="1" x14ac:dyDescent="0.2"/>
    <row r="69" ht="13.5" customHeight="1" x14ac:dyDescent="0.2"/>
    <row r="70" ht="13.5" customHeight="1" x14ac:dyDescent="0.2"/>
    <row r="71" ht="13.5" customHeight="1" x14ac:dyDescent="0.2"/>
    <row r="72" ht="13.5" customHeight="1" x14ac:dyDescent="0.2"/>
    <row r="73" ht="13.5" customHeight="1" x14ac:dyDescent="0.2"/>
    <row r="74" ht="13.5" customHeight="1" x14ac:dyDescent="0.2"/>
    <row r="75" ht="13.5" customHeight="1" x14ac:dyDescent="0.2"/>
    <row r="76" ht="13.5" customHeight="1" x14ac:dyDescent="0.2"/>
    <row r="77" ht="13.5" customHeight="1" x14ac:dyDescent="0.2"/>
    <row r="78" ht="13.5" customHeight="1" x14ac:dyDescent="0.2"/>
    <row r="79" ht="13.5" customHeight="1" x14ac:dyDescent="0.2"/>
    <row r="80" ht="13.5" customHeight="1" x14ac:dyDescent="0.2"/>
    <row r="81" ht="13.5" customHeight="1" x14ac:dyDescent="0.2"/>
    <row r="82" ht="13.5" customHeight="1" x14ac:dyDescent="0.2"/>
    <row r="83" ht="13.5" customHeight="1" x14ac:dyDescent="0.2"/>
    <row r="84" ht="14.25" customHeight="1" x14ac:dyDescent="0.2"/>
    <row r="85" ht="14.25" customHeight="1" x14ac:dyDescent="0.2"/>
    <row r="86" ht="14.25" customHeight="1" x14ac:dyDescent="0.2"/>
    <row r="87" ht="14.25" customHeight="1" x14ac:dyDescent="0.2"/>
    <row r="88" ht="14.25" customHeight="1" x14ac:dyDescent="0.2"/>
    <row r="89" ht="14.25" customHeight="1" x14ac:dyDescent="0.2"/>
    <row r="90" ht="14.25" customHeight="1" x14ac:dyDescent="0.2"/>
    <row r="91" ht="14.25" customHeight="1" x14ac:dyDescent="0.2"/>
    <row r="92" ht="14.25" customHeight="1" x14ac:dyDescent="0.2"/>
    <row r="93" ht="14.25" customHeight="1" x14ac:dyDescent="0.2"/>
    <row r="94" ht="14.25" customHeight="1" x14ac:dyDescent="0.2"/>
    <row r="95" ht="14.25" customHeight="1" x14ac:dyDescent="0.2"/>
    <row r="96" ht="14.25" customHeight="1" x14ac:dyDescent="0.2"/>
    <row r="97" ht="14.25" customHeight="1" x14ac:dyDescent="0.2"/>
    <row r="98" ht="14.25" customHeight="1" x14ac:dyDescent="0.2"/>
    <row r="99" ht="14.25" customHeight="1" x14ac:dyDescent="0.2"/>
    <row r="100" ht="14.25" customHeight="1" x14ac:dyDescent="0.2"/>
    <row r="101" ht="14.25" customHeight="1" x14ac:dyDescent="0.2"/>
    <row r="102" ht="14.25" customHeight="1" x14ac:dyDescent="0.2"/>
    <row r="103" ht="14.25" customHeight="1" x14ac:dyDescent="0.2"/>
    <row r="104" ht="14.25" customHeight="1" x14ac:dyDescent="0.2"/>
    <row r="105" ht="13.5" customHeight="1" x14ac:dyDescent="0.2"/>
    <row r="106" ht="13.5" customHeight="1" x14ac:dyDescent="0.2"/>
    <row r="107" ht="13.5" customHeight="1" x14ac:dyDescent="0.2"/>
    <row r="108" ht="13.5" customHeight="1" x14ac:dyDescent="0.2"/>
    <row r="109" ht="13.5" customHeight="1" x14ac:dyDescent="0.2"/>
    <row r="110" ht="13.5" customHeight="1" x14ac:dyDescent="0.2"/>
    <row r="111" ht="13.5" customHeight="1" x14ac:dyDescent="0.2"/>
    <row r="112" ht="13.5" customHeight="1" x14ac:dyDescent="0.2"/>
    <row r="113" ht="13.5" customHeight="1" x14ac:dyDescent="0.2"/>
    <row r="114" ht="13.5" customHeight="1" x14ac:dyDescent="0.2"/>
    <row r="115" ht="13.5" customHeight="1" x14ac:dyDescent="0.2"/>
    <row r="116" ht="13.5" customHeight="1" x14ac:dyDescent="0.2"/>
    <row r="117" ht="13.5" customHeight="1" x14ac:dyDescent="0.2"/>
    <row r="118" ht="13.5" customHeight="1" x14ac:dyDescent="0.2"/>
    <row r="119" ht="13.5" customHeight="1" x14ac:dyDescent="0.2"/>
    <row r="120" ht="13.5" customHeight="1" x14ac:dyDescent="0.2"/>
    <row r="121" ht="13.5" customHeight="1" x14ac:dyDescent="0.2"/>
    <row r="122" ht="13.5" customHeight="1" x14ac:dyDescent="0.2"/>
    <row r="123" ht="13.5" customHeight="1" x14ac:dyDescent="0.2"/>
    <row r="124" ht="13.5" customHeight="1" x14ac:dyDescent="0.2"/>
    <row r="125" ht="13.5" customHeight="1" x14ac:dyDescent="0.2"/>
    <row r="126" ht="13.5" customHeight="1" x14ac:dyDescent="0.2"/>
    <row r="127" ht="13.5" customHeight="1" x14ac:dyDescent="0.2"/>
    <row r="128" ht="13.5" customHeight="1" x14ac:dyDescent="0.2"/>
    <row r="129" ht="13.5" customHeight="1" x14ac:dyDescent="0.2"/>
    <row r="130" ht="13.5" customHeight="1" x14ac:dyDescent="0.2"/>
    <row r="131" ht="13.5" customHeight="1" x14ac:dyDescent="0.2"/>
    <row r="132" ht="13.5" customHeight="1" x14ac:dyDescent="0.2"/>
    <row r="133" ht="13.5" customHeight="1" x14ac:dyDescent="0.2"/>
    <row r="134" ht="13.5" customHeight="1" x14ac:dyDescent="0.2"/>
    <row r="135" ht="13.5" customHeight="1" x14ac:dyDescent="0.2"/>
    <row r="136" ht="13.5" customHeight="1" x14ac:dyDescent="0.2"/>
    <row r="137" ht="13.5" customHeight="1" x14ac:dyDescent="0.2"/>
    <row r="138" ht="13.5" customHeight="1" x14ac:dyDescent="0.2"/>
    <row r="139" ht="13.5" customHeight="1" x14ac:dyDescent="0.2"/>
    <row r="140" ht="13.5" customHeight="1" x14ac:dyDescent="0.2"/>
    <row r="141" ht="13.5" customHeight="1" x14ac:dyDescent="0.2"/>
    <row r="142" ht="13.5" customHeight="1" x14ac:dyDescent="0.2"/>
    <row r="143" ht="13.5" customHeight="1" x14ac:dyDescent="0.2"/>
    <row r="144" ht="13.5" customHeight="1" x14ac:dyDescent="0.2"/>
    <row r="145" spans="10:10" ht="13.5" customHeight="1" x14ac:dyDescent="0.2"/>
    <row r="146" spans="10:10" ht="13.5" customHeight="1" x14ac:dyDescent="0.2"/>
    <row r="147" spans="10:10" ht="13.5" customHeight="1" x14ac:dyDescent="0.2"/>
    <row r="148" spans="10:10" ht="13.5" customHeight="1" x14ac:dyDescent="0.2"/>
    <row r="149" spans="10:10" ht="13.5" customHeight="1" x14ac:dyDescent="0.2">
      <c r="J149" s="14"/>
    </row>
    <row r="150" spans="10:10" ht="13.5" customHeight="1" x14ac:dyDescent="0.2"/>
    <row r="151" spans="10:10" ht="13.5" customHeight="1" x14ac:dyDescent="0.2"/>
    <row r="152" spans="10:10" ht="13.5" customHeight="1" x14ac:dyDescent="0.2"/>
    <row r="153" spans="10:10" ht="13.5" customHeight="1" x14ac:dyDescent="0.2"/>
    <row r="154" spans="10:10" ht="13.5" customHeight="1" x14ac:dyDescent="0.2"/>
    <row r="155" spans="10:10" ht="13.5" customHeight="1" x14ac:dyDescent="0.2"/>
    <row r="156" spans="10:10" ht="13.5" customHeight="1" x14ac:dyDescent="0.2"/>
    <row r="157" spans="10:10" ht="13.5" customHeight="1" x14ac:dyDescent="0.2"/>
    <row r="158" spans="10:10" ht="13.5" customHeight="1" x14ac:dyDescent="0.2"/>
    <row r="159" spans="10:10" ht="13.5" customHeight="1" x14ac:dyDescent="0.2"/>
    <row r="160" spans="10:10" ht="13.5" customHeight="1" x14ac:dyDescent="0.2"/>
    <row r="161" ht="13.5" customHeight="1" x14ac:dyDescent="0.2"/>
    <row r="162" ht="13.5" customHeight="1" x14ac:dyDescent="0.2"/>
    <row r="163" ht="13.5" customHeight="1" x14ac:dyDescent="0.2"/>
    <row r="164" ht="13.5" customHeight="1" x14ac:dyDescent="0.2"/>
    <row r="165" ht="13.5" customHeight="1" x14ac:dyDescent="0.2"/>
    <row r="166" ht="13.5" customHeight="1" x14ac:dyDescent="0.2"/>
    <row r="167" ht="13.5" customHeight="1" x14ac:dyDescent="0.2"/>
    <row r="168" ht="13.5" customHeight="1" x14ac:dyDescent="0.2"/>
    <row r="169" ht="13.5" customHeight="1" x14ac:dyDescent="0.2"/>
    <row r="170" ht="13.5" customHeight="1" x14ac:dyDescent="0.2"/>
    <row r="171" ht="13.5" customHeight="1" x14ac:dyDescent="0.2"/>
    <row r="172" ht="13.5" customHeight="1" x14ac:dyDescent="0.2"/>
    <row r="173" ht="13.5" customHeight="1" x14ac:dyDescent="0.2"/>
    <row r="174" ht="13.5" customHeight="1" x14ac:dyDescent="0.2"/>
    <row r="175" ht="13.5" customHeight="1" x14ac:dyDescent="0.2"/>
    <row r="176" ht="13.5" customHeight="1" x14ac:dyDescent="0.2"/>
    <row r="177" ht="13.5" customHeight="1" x14ac:dyDescent="0.2"/>
    <row r="178" ht="13.5" customHeight="1" x14ac:dyDescent="0.2"/>
    <row r="179" ht="13.5" customHeight="1" x14ac:dyDescent="0.2"/>
    <row r="180" ht="13.5" customHeight="1" x14ac:dyDescent="0.2"/>
    <row r="181" ht="13.5" customHeight="1" x14ac:dyDescent="0.2"/>
    <row r="182" ht="13.5" customHeight="1" x14ac:dyDescent="0.2"/>
    <row r="183" ht="13.5" customHeight="1" x14ac:dyDescent="0.2"/>
    <row r="184" ht="13.5" customHeight="1" x14ac:dyDescent="0.2"/>
    <row r="185" ht="13.5" customHeight="1" x14ac:dyDescent="0.2"/>
    <row r="186" ht="13.5" customHeight="1" x14ac:dyDescent="0.2"/>
    <row r="187" ht="13.5" customHeight="1" x14ac:dyDescent="0.2"/>
    <row r="188" ht="14.25" customHeight="1" x14ac:dyDescent="0.2"/>
    <row r="189" ht="14.25" customHeight="1" x14ac:dyDescent="0.2"/>
    <row r="190" ht="14.25" customHeight="1" x14ac:dyDescent="0.2"/>
    <row r="191" ht="14.25" customHeight="1" x14ac:dyDescent="0.2"/>
    <row r="192" ht="14.25" customHeight="1" x14ac:dyDescent="0.2"/>
    <row r="193" ht="14.25" customHeight="1" x14ac:dyDescent="0.2"/>
    <row r="194" ht="14.25" customHeight="1" x14ac:dyDescent="0.2"/>
    <row r="195" ht="14.25" customHeight="1" x14ac:dyDescent="0.2"/>
    <row r="196" ht="14.25" customHeight="1" x14ac:dyDescent="0.2"/>
    <row r="197" ht="14.25" customHeight="1" x14ac:dyDescent="0.2"/>
    <row r="198" ht="14.25" customHeight="1" x14ac:dyDescent="0.2"/>
    <row r="199" ht="14.25" customHeight="1" x14ac:dyDescent="0.2"/>
    <row r="200" ht="14.25" customHeight="1" x14ac:dyDescent="0.2"/>
    <row r="201" ht="14.25" customHeight="1" x14ac:dyDescent="0.2"/>
    <row r="202" ht="14.25" customHeight="1" x14ac:dyDescent="0.2"/>
    <row r="203" ht="14.25" customHeight="1" x14ac:dyDescent="0.2"/>
    <row r="204" ht="14.25" customHeight="1" x14ac:dyDescent="0.2"/>
    <row r="205" ht="14.25" customHeight="1" x14ac:dyDescent="0.2"/>
    <row r="206" ht="14.25" customHeight="1" x14ac:dyDescent="0.2"/>
    <row r="207" ht="14.25" customHeight="1" x14ac:dyDescent="0.2"/>
    <row r="208" ht="14.25" customHeight="1" x14ac:dyDescent="0.2"/>
    <row r="209" spans="1:13" ht="14.25" customHeight="1" x14ac:dyDescent="0.2"/>
    <row r="210" spans="1:13" ht="14.25" customHeight="1" x14ac:dyDescent="0.2"/>
    <row r="211" spans="1:13" ht="14.25" customHeight="1" x14ac:dyDescent="0.2"/>
    <row r="212" spans="1:13" ht="14.25" customHeight="1" x14ac:dyDescent="0.2"/>
    <row r="213" spans="1:13" ht="13.5" customHeight="1" x14ac:dyDescent="0.2">
      <c r="K213" s="12"/>
      <c r="L213" s="12"/>
      <c r="M213" s="12"/>
    </row>
    <row r="214" spans="1:13" s="12" customFormat="1" ht="13.5" customHeight="1" x14ac:dyDescent="0.2">
      <c r="A214" s="3"/>
      <c r="B214" s="10"/>
      <c r="C214" s="10"/>
      <c r="D214" s="7"/>
      <c r="E214" s="7"/>
      <c r="F214" s="10"/>
      <c r="G214" s="7"/>
      <c r="H214" s="10"/>
      <c r="I214" s="10"/>
    </row>
    <row r="215" spans="1:13" s="12" customFormat="1" ht="13.5" customHeight="1" x14ac:dyDescent="0.2">
      <c r="A215" s="3"/>
      <c r="B215" s="10"/>
      <c r="C215" s="10"/>
      <c r="D215" s="7"/>
      <c r="E215" s="7"/>
      <c r="F215" s="10"/>
      <c r="G215" s="7"/>
      <c r="H215" s="10"/>
      <c r="I215" s="10"/>
    </row>
    <row r="216" spans="1:13" s="12" customFormat="1" ht="13.5" customHeight="1" x14ac:dyDescent="0.2">
      <c r="A216" s="3"/>
      <c r="B216" s="10"/>
      <c r="C216" s="10"/>
      <c r="D216" s="7"/>
      <c r="E216" s="7"/>
      <c r="F216" s="10"/>
      <c r="G216" s="7"/>
      <c r="H216" s="10"/>
      <c r="I216" s="10"/>
    </row>
    <row r="217" spans="1:13" s="12" customFormat="1" ht="13.5" customHeight="1" x14ac:dyDescent="0.2">
      <c r="A217" s="3"/>
      <c r="B217" s="10"/>
      <c r="C217" s="10"/>
      <c r="D217" s="7"/>
      <c r="E217" s="7"/>
      <c r="F217" s="10"/>
      <c r="G217" s="7"/>
      <c r="H217" s="10"/>
      <c r="I217" s="10"/>
    </row>
    <row r="218" spans="1:13" s="12" customFormat="1" ht="13.5" customHeight="1" x14ac:dyDescent="0.2">
      <c r="A218" s="3"/>
      <c r="B218" s="10"/>
      <c r="C218" s="10"/>
      <c r="D218" s="7"/>
      <c r="E218" s="7"/>
      <c r="F218" s="10"/>
      <c r="G218" s="7"/>
      <c r="H218" s="10"/>
      <c r="I218" s="10"/>
    </row>
    <row r="219" spans="1:13" s="12" customFormat="1" ht="13.5" customHeight="1" x14ac:dyDescent="0.2">
      <c r="A219" s="3"/>
      <c r="B219" s="10"/>
      <c r="C219" s="10"/>
      <c r="D219" s="7"/>
      <c r="E219" s="7"/>
      <c r="F219" s="10"/>
      <c r="G219" s="7"/>
      <c r="H219" s="10"/>
      <c r="I219" s="10"/>
    </row>
    <row r="220" spans="1:13" s="12" customFormat="1" ht="13.5" customHeight="1" x14ac:dyDescent="0.2">
      <c r="A220" s="3"/>
      <c r="B220" s="10"/>
      <c r="C220" s="10"/>
      <c r="D220" s="7"/>
      <c r="E220" s="7"/>
      <c r="F220" s="10"/>
      <c r="G220" s="7"/>
      <c r="H220" s="10"/>
      <c r="I220" s="10"/>
    </row>
    <row r="221" spans="1:13" s="12" customFormat="1" ht="13.5" customHeight="1" x14ac:dyDescent="0.2">
      <c r="A221" s="3"/>
      <c r="B221" s="10"/>
      <c r="C221" s="10"/>
      <c r="D221" s="7"/>
      <c r="E221" s="7"/>
      <c r="F221" s="10"/>
      <c r="G221" s="7"/>
      <c r="H221" s="10"/>
      <c r="I221" s="10"/>
    </row>
    <row r="222" spans="1:13" s="12" customFormat="1" ht="13.5" customHeight="1" x14ac:dyDescent="0.2">
      <c r="A222" s="3"/>
      <c r="B222" s="10"/>
      <c r="C222" s="10"/>
      <c r="D222" s="7"/>
      <c r="E222" s="7"/>
      <c r="F222" s="10"/>
      <c r="G222" s="7"/>
      <c r="H222" s="10"/>
      <c r="I222" s="10"/>
    </row>
    <row r="223" spans="1:13" s="12" customFormat="1" ht="13.5" customHeight="1" x14ac:dyDescent="0.2">
      <c r="A223" s="3"/>
      <c r="B223" s="10"/>
      <c r="C223" s="10"/>
      <c r="D223" s="7"/>
      <c r="E223" s="7"/>
      <c r="F223" s="10"/>
      <c r="G223" s="7"/>
      <c r="H223" s="10"/>
      <c r="I223" s="10"/>
    </row>
    <row r="224" spans="1:13" s="12" customFormat="1" ht="13.5" customHeight="1" x14ac:dyDescent="0.2">
      <c r="A224" s="3"/>
      <c r="B224" s="10"/>
      <c r="C224" s="10"/>
      <c r="D224" s="7"/>
      <c r="E224" s="7"/>
      <c r="F224" s="10"/>
      <c r="G224" s="7"/>
      <c r="H224" s="10"/>
      <c r="I224" s="10"/>
    </row>
    <row r="225" spans="1:13" s="12" customFormat="1" ht="13.5" customHeight="1" x14ac:dyDescent="0.2">
      <c r="A225" s="3"/>
      <c r="B225" s="10"/>
      <c r="C225" s="10"/>
      <c r="D225" s="7"/>
      <c r="E225" s="7"/>
      <c r="F225" s="10"/>
      <c r="G225" s="7"/>
      <c r="H225" s="10"/>
      <c r="I225" s="10"/>
    </row>
    <row r="226" spans="1:13" s="12" customFormat="1" ht="13.5" customHeight="1" x14ac:dyDescent="0.2">
      <c r="A226" s="3"/>
      <c r="B226" s="10"/>
      <c r="C226" s="10"/>
      <c r="D226" s="7"/>
      <c r="E226" s="7"/>
      <c r="F226" s="10"/>
      <c r="G226" s="7"/>
      <c r="H226" s="10"/>
      <c r="I226" s="10"/>
    </row>
    <row r="227" spans="1:13" s="12" customFormat="1" ht="13.5" customHeight="1" x14ac:dyDescent="0.2">
      <c r="A227" s="3"/>
      <c r="B227" s="10"/>
      <c r="C227" s="10"/>
      <c r="D227" s="7"/>
      <c r="E227" s="7"/>
      <c r="F227" s="10"/>
      <c r="G227" s="7"/>
      <c r="H227" s="10"/>
      <c r="I227" s="10"/>
      <c r="K227"/>
      <c r="L227"/>
      <c r="M227"/>
    </row>
    <row r="230" spans="1:13" x14ac:dyDescent="0.2">
      <c r="K230" s="12"/>
      <c r="L230" s="12"/>
      <c r="M230" s="12"/>
    </row>
    <row r="231" spans="1:13" s="12" customFormat="1" ht="13.5" customHeight="1" x14ac:dyDescent="0.2">
      <c r="A231" s="3"/>
      <c r="B231" s="10"/>
      <c r="C231" s="10"/>
      <c r="D231" s="7"/>
      <c r="E231" s="7"/>
      <c r="F231" s="10"/>
      <c r="G231" s="7"/>
      <c r="H231" s="10"/>
      <c r="I231" s="10"/>
    </row>
    <row r="232" spans="1:13" s="12" customFormat="1" ht="13.5" customHeight="1" x14ac:dyDescent="0.2">
      <c r="A232" s="3"/>
      <c r="B232" s="10"/>
      <c r="C232" s="10"/>
      <c r="D232" s="7"/>
      <c r="E232" s="7"/>
      <c r="F232" s="10"/>
      <c r="G232" s="7"/>
      <c r="H232" s="10"/>
      <c r="I232" s="10"/>
    </row>
    <row r="233" spans="1:13" s="12" customFormat="1" ht="13.5" customHeight="1" x14ac:dyDescent="0.2">
      <c r="A233" s="3"/>
      <c r="B233" s="10"/>
      <c r="C233" s="10"/>
      <c r="D233" s="7"/>
      <c r="E233" s="7"/>
      <c r="F233" s="10"/>
      <c r="G233" s="7"/>
      <c r="H233" s="10"/>
      <c r="I233" s="10"/>
    </row>
    <row r="234" spans="1:13" s="12" customFormat="1" ht="13.5" customHeight="1" x14ac:dyDescent="0.2">
      <c r="A234" s="3"/>
      <c r="B234" s="10"/>
      <c r="C234" s="10"/>
      <c r="D234" s="7"/>
      <c r="E234" s="7"/>
      <c r="F234" s="10"/>
      <c r="G234" s="7"/>
      <c r="H234" s="10"/>
      <c r="I234" s="10"/>
    </row>
    <row r="235" spans="1:13" s="12" customFormat="1" ht="13.5" customHeight="1" x14ac:dyDescent="0.2">
      <c r="A235" s="3"/>
      <c r="B235" s="10"/>
      <c r="C235" s="10"/>
      <c r="D235" s="7"/>
      <c r="E235" s="7"/>
      <c r="F235" s="10"/>
      <c r="G235" s="7"/>
      <c r="H235" s="10"/>
      <c r="I235" s="10"/>
    </row>
    <row r="236" spans="1:13" s="12" customFormat="1" ht="13.5" customHeight="1" x14ac:dyDescent="0.2">
      <c r="A236" s="3"/>
      <c r="B236" s="10"/>
      <c r="C236" s="10"/>
      <c r="D236" s="7"/>
      <c r="E236" s="7"/>
      <c r="F236" s="10"/>
      <c r="G236" s="7"/>
      <c r="H236" s="10"/>
      <c r="I236" s="10"/>
    </row>
    <row r="237" spans="1:13" s="12" customFormat="1" ht="13.5" customHeight="1" x14ac:dyDescent="0.2">
      <c r="A237" s="3"/>
      <c r="B237" s="10"/>
      <c r="C237" s="10"/>
      <c r="D237" s="7"/>
      <c r="E237" s="7"/>
      <c r="F237" s="10"/>
      <c r="G237" s="7"/>
      <c r="H237" s="10"/>
      <c r="I237" s="10"/>
    </row>
    <row r="238" spans="1:13" s="12" customFormat="1" ht="13.5" customHeight="1" x14ac:dyDescent="0.2">
      <c r="A238" s="3"/>
      <c r="B238" s="10"/>
      <c r="C238" s="10"/>
      <c r="D238" s="7"/>
      <c r="E238" s="7"/>
      <c r="F238" s="10"/>
      <c r="G238" s="7"/>
      <c r="H238" s="10"/>
      <c r="I238" s="10"/>
    </row>
    <row r="239" spans="1:13" s="12" customFormat="1" ht="13.5" customHeight="1" x14ac:dyDescent="0.2">
      <c r="A239" s="3"/>
      <c r="B239" s="10"/>
      <c r="C239" s="10"/>
      <c r="D239" s="7"/>
      <c r="E239" s="7"/>
      <c r="F239" s="10"/>
      <c r="G239" s="7"/>
      <c r="H239" s="10"/>
      <c r="I239" s="10"/>
    </row>
    <row r="240" spans="1:13" s="12" customFormat="1" ht="13.5" customHeight="1" x14ac:dyDescent="0.2">
      <c r="A240" s="3"/>
      <c r="B240" s="10"/>
      <c r="C240" s="10"/>
      <c r="D240" s="7"/>
      <c r="E240" s="7"/>
      <c r="F240" s="10"/>
      <c r="G240" s="7"/>
      <c r="H240" s="10"/>
      <c r="I240" s="10"/>
    </row>
    <row r="241" spans="1:13" s="12" customFormat="1" ht="13.5" customHeight="1" x14ac:dyDescent="0.2">
      <c r="A241" s="3"/>
      <c r="B241" s="10"/>
      <c r="C241" s="10"/>
      <c r="D241" s="7"/>
      <c r="E241" s="7"/>
      <c r="F241" s="10"/>
      <c r="G241" s="7"/>
      <c r="H241" s="10"/>
      <c r="I241" s="10"/>
    </row>
    <row r="242" spans="1:13" s="12" customFormat="1" ht="13.5" customHeight="1" x14ac:dyDescent="0.2">
      <c r="A242" s="3"/>
      <c r="B242" s="10"/>
      <c r="C242" s="10"/>
      <c r="D242" s="7"/>
      <c r="E242" s="7"/>
      <c r="F242" s="10"/>
      <c r="G242" s="7"/>
      <c r="H242" s="10"/>
      <c r="I242" s="10"/>
    </row>
    <row r="243" spans="1:13" s="12" customFormat="1" ht="13.5" customHeight="1" x14ac:dyDescent="0.2">
      <c r="A243" s="3"/>
      <c r="B243" s="10"/>
      <c r="C243" s="10"/>
      <c r="D243" s="7"/>
      <c r="E243" s="7"/>
      <c r="F243" s="10"/>
      <c r="G243" s="7"/>
      <c r="H243" s="10"/>
      <c r="I243" s="10"/>
    </row>
    <row r="244" spans="1:13" s="12" customFormat="1" ht="13.5" customHeight="1" x14ac:dyDescent="0.2">
      <c r="A244" s="3"/>
      <c r="B244" s="10"/>
      <c r="C244" s="10"/>
      <c r="D244" s="7"/>
      <c r="E244" s="7"/>
      <c r="F244" s="10"/>
      <c r="G244" s="7"/>
      <c r="H244" s="10"/>
      <c r="I244" s="10"/>
    </row>
    <row r="245" spans="1:13" s="12" customFormat="1" ht="13.5" customHeight="1" x14ac:dyDescent="0.2">
      <c r="A245" s="3"/>
      <c r="B245" s="10"/>
      <c r="C245" s="10"/>
      <c r="D245" s="7"/>
      <c r="E245" s="7"/>
      <c r="F245" s="10"/>
      <c r="G245" s="7"/>
      <c r="H245" s="10"/>
      <c r="I245" s="10"/>
    </row>
    <row r="246" spans="1:13" s="12" customFormat="1" ht="13.5" customHeight="1" x14ac:dyDescent="0.2">
      <c r="A246" s="3"/>
      <c r="B246" s="10"/>
      <c r="C246" s="10"/>
      <c r="D246" s="7"/>
      <c r="E246" s="7"/>
      <c r="F246" s="10"/>
      <c r="G246" s="7"/>
      <c r="H246" s="10"/>
      <c r="I246" s="10"/>
    </row>
    <row r="247" spans="1:13" s="12" customFormat="1" ht="13.5" customHeight="1" x14ac:dyDescent="0.2">
      <c r="A247" s="3"/>
      <c r="B247" s="10"/>
      <c r="C247" s="10"/>
      <c r="D247" s="7"/>
      <c r="E247" s="7"/>
      <c r="F247" s="10"/>
      <c r="G247" s="7"/>
      <c r="H247" s="10"/>
      <c r="I247" s="10"/>
    </row>
    <row r="248" spans="1:13" s="12" customFormat="1" ht="13.5" customHeight="1" x14ac:dyDescent="0.2">
      <c r="A248" s="3"/>
      <c r="B248" s="10"/>
      <c r="C248" s="10"/>
      <c r="D248" s="7"/>
      <c r="E248" s="7"/>
      <c r="F248" s="10"/>
      <c r="G248" s="7"/>
      <c r="H248" s="10"/>
      <c r="I248" s="10"/>
    </row>
    <row r="249" spans="1:13" s="12" customFormat="1" ht="13.5" customHeight="1" x14ac:dyDescent="0.2">
      <c r="A249" s="3"/>
      <c r="B249" s="10"/>
      <c r="C249" s="10"/>
      <c r="D249" s="7"/>
      <c r="E249" s="7"/>
      <c r="F249" s="10"/>
      <c r="G249" s="7"/>
      <c r="H249" s="10"/>
      <c r="I249" s="10"/>
    </row>
    <row r="250" spans="1:13" s="12" customFormat="1" ht="13.5" customHeight="1" x14ac:dyDescent="0.2">
      <c r="A250" s="3"/>
      <c r="B250" s="10"/>
      <c r="C250" s="10"/>
      <c r="D250" s="7"/>
      <c r="E250" s="7"/>
      <c r="F250" s="10"/>
      <c r="G250" s="7"/>
      <c r="H250" s="10"/>
      <c r="I250" s="10"/>
    </row>
    <row r="251" spans="1:13" s="12" customFormat="1" ht="13.5" customHeight="1" x14ac:dyDescent="0.2">
      <c r="A251" s="3"/>
      <c r="B251" s="10"/>
      <c r="C251" s="10"/>
      <c r="D251" s="7"/>
      <c r="E251" s="7"/>
      <c r="F251" s="10"/>
      <c r="G251" s="7"/>
      <c r="H251" s="10"/>
      <c r="I251" s="10"/>
    </row>
    <row r="252" spans="1:13" s="12" customFormat="1" ht="13.5" customHeight="1" x14ac:dyDescent="0.2">
      <c r="A252" s="3"/>
      <c r="B252" s="10"/>
      <c r="C252" s="10"/>
      <c r="D252" s="7"/>
      <c r="E252" s="7"/>
      <c r="F252" s="10"/>
      <c r="G252" s="7"/>
      <c r="H252" s="10"/>
      <c r="I252" s="10"/>
    </row>
    <row r="253" spans="1:13" s="12" customFormat="1" ht="13.5" customHeight="1" x14ac:dyDescent="0.2">
      <c r="A253" s="3"/>
      <c r="B253" s="10"/>
      <c r="C253" s="10"/>
      <c r="D253" s="7"/>
      <c r="E253" s="7"/>
      <c r="F253" s="10"/>
      <c r="G253" s="7"/>
      <c r="H253" s="10"/>
      <c r="I253" s="10"/>
    </row>
    <row r="254" spans="1:13" s="12" customFormat="1" ht="13.5" customHeight="1" x14ac:dyDescent="0.2">
      <c r="A254" s="3"/>
      <c r="B254" s="10"/>
      <c r="C254" s="10"/>
      <c r="D254" s="7"/>
      <c r="E254" s="7"/>
      <c r="F254" s="10"/>
      <c r="G254" s="7"/>
      <c r="H254" s="10"/>
      <c r="I254" s="10"/>
      <c r="K254" s="13"/>
      <c r="L254" s="13"/>
      <c r="M254" s="13"/>
    </row>
    <row r="255" spans="1:13" s="13" customFormat="1" ht="13.5" customHeight="1" x14ac:dyDescent="0.2">
      <c r="A255" s="3"/>
      <c r="B255" s="10"/>
      <c r="C255" s="10"/>
      <c r="D255" s="7"/>
      <c r="E255" s="7"/>
      <c r="F255" s="10"/>
      <c r="G255" s="7"/>
      <c r="H255" s="10"/>
      <c r="I255" s="10"/>
    </row>
    <row r="256" spans="1:13" s="13" customFormat="1" ht="13.5" customHeight="1" x14ac:dyDescent="0.2">
      <c r="A256" s="3"/>
      <c r="B256" s="10"/>
      <c r="C256" s="10"/>
      <c r="D256" s="7"/>
      <c r="E256" s="7"/>
      <c r="F256" s="10"/>
      <c r="G256" s="7"/>
      <c r="H256" s="10"/>
      <c r="I256" s="10"/>
      <c r="K256" s="12"/>
      <c r="L256" s="12"/>
      <c r="M256" s="12"/>
    </row>
    <row r="257" spans="1:13" s="12" customFormat="1" ht="13.5" customHeight="1" x14ac:dyDescent="0.2">
      <c r="A257" s="3"/>
      <c r="B257" s="10"/>
      <c r="C257" s="10"/>
      <c r="D257" s="7"/>
      <c r="E257" s="7"/>
      <c r="F257" s="10"/>
      <c r="G257" s="7"/>
      <c r="H257" s="10"/>
      <c r="I257" s="10"/>
      <c r="K257"/>
      <c r="L257"/>
      <c r="M257"/>
    </row>
    <row r="258" spans="1:13" s="12" customFormat="1" ht="13.5" customHeight="1" x14ac:dyDescent="0.2">
      <c r="A258" s="3"/>
      <c r="B258" s="10"/>
      <c r="C258" s="10"/>
      <c r="D258" s="7"/>
      <c r="E258" s="7"/>
      <c r="F258" s="10"/>
      <c r="G258" s="7"/>
      <c r="H258" s="10"/>
      <c r="I258" s="10"/>
      <c r="K258"/>
      <c r="L258"/>
      <c r="M258"/>
    </row>
    <row r="266" spans="1:13" s="7" customFormat="1" ht="13.5" customHeight="1" x14ac:dyDescent="0.2">
      <c r="A266" s="3"/>
      <c r="B266" s="10"/>
      <c r="C266" s="10"/>
      <c r="F266" s="10"/>
      <c r="H266" s="10"/>
      <c r="I266" s="10"/>
      <c r="J266" s="8"/>
    </row>
    <row r="267" spans="1:13" s="7" customFormat="1" ht="13.5" customHeight="1" x14ac:dyDescent="0.2">
      <c r="A267" s="3"/>
      <c r="B267" s="10"/>
      <c r="C267" s="10"/>
      <c r="F267" s="10"/>
      <c r="H267" s="10"/>
      <c r="I267" s="10"/>
      <c r="J267" s="8"/>
    </row>
    <row r="268" spans="1:13" s="7" customFormat="1" ht="13.5" customHeight="1" x14ac:dyDescent="0.2">
      <c r="A268" s="3"/>
      <c r="B268" s="10"/>
      <c r="C268" s="10"/>
      <c r="F268" s="10"/>
      <c r="H268" s="10"/>
      <c r="I268" s="10"/>
      <c r="J268" s="8"/>
    </row>
    <row r="269" spans="1:13" s="7" customFormat="1" ht="13.5" customHeight="1" x14ac:dyDescent="0.2">
      <c r="A269" s="3"/>
      <c r="B269" s="10"/>
      <c r="C269" s="10"/>
      <c r="F269" s="10"/>
      <c r="H269" s="10"/>
      <c r="I269" s="10"/>
      <c r="J269" s="8"/>
    </row>
    <row r="270" spans="1:13" s="7" customFormat="1" ht="13.5" customHeight="1" x14ac:dyDescent="0.2">
      <c r="A270" s="3"/>
      <c r="B270" s="10"/>
      <c r="C270" s="10"/>
      <c r="F270" s="10"/>
      <c r="H270" s="10"/>
      <c r="I270" s="10"/>
      <c r="J270" s="8"/>
    </row>
    <row r="271" spans="1:13" s="7" customFormat="1" ht="13.5" customHeight="1" x14ac:dyDescent="0.2">
      <c r="A271" s="3"/>
      <c r="B271" s="10"/>
      <c r="C271" s="10"/>
      <c r="F271" s="10"/>
      <c r="H271" s="10"/>
      <c r="I271" s="10"/>
      <c r="J271" s="8"/>
    </row>
    <row r="272" spans="1:13" s="7" customFormat="1" ht="13.5" customHeight="1" x14ac:dyDescent="0.2">
      <c r="A272" s="3"/>
      <c r="B272" s="10"/>
      <c r="C272" s="10"/>
      <c r="F272" s="10"/>
      <c r="H272" s="10"/>
      <c r="I272" s="10"/>
      <c r="J272" s="8"/>
    </row>
    <row r="273" spans="1:10" s="7" customFormat="1" ht="13.5" customHeight="1" x14ac:dyDescent="0.2">
      <c r="A273" s="3"/>
      <c r="B273" s="10"/>
      <c r="C273" s="10"/>
      <c r="F273" s="10"/>
      <c r="H273" s="10"/>
      <c r="I273" s="10"/>
      <c r="J273" s="8"/>
    </row>
    <row r="274" spans="1:10" s="7" customFormat="1" ht="13.5" customHeight="1" x14ac:dyDescent="0.2">
      <c r="A274" s="3"/>
      <c r="B274" s="10"/>
      <c r="C274" s="10"/>
      <c r="F274" s="10"/>
      <c r="H274" s="10"/>
      <c r="I274" s="10"/>
      <c r="J274" s="8"/>
    </row>
    <row r="275" spans="1:10" s="7" customFormat="1" ht="13.5" customHeight="1" x14ac:dyDescent="0.2">
      <c r="A275" s="3"/>
      <c r="B275" s="10"/>
      <c r="C275" s="10"/>
      <c r="F275" s="10"/>
      <c r="H275" s="10"/>
      <c r="I275" s="10"/>
      <c r="J275" s="8"/>
    </row>
    <row r="276" spans="1:10" s="7" customFormat="1" ht="13.5" customHeight="1" x14ac:dyDescent="0.2">
      <c r="A276" s="3"/>
      <c r="B276" s="10"/>
      <c r="C276" s="10"/>
      <c r="F276" s="10"/>
      <c r="H276" s="10"/>
      <c r="I276" s="10"/>
      <c r="J276" s="8"/>
    </row>
    <row r="277" spans="1:10" s="7" customFormat="1" ht="13.5" customHeight="1" x14ac:dyDescent="0.2">
      <c r="A277" s="3"/>
      <c r="B277" s="10"/>
      <c r="C277" s="10"/>
      <c r="F277" s="10"/>
      <c r="H277" s="10"/>
      <c r="I277" s="10"/>
      <c r="J277" s="8"/>
    </row>
    <row r="278" spans="1:10" s="7" customFormat="1" ht="13.5" customHeight="1" x14ac:dyDescent="0.2">
      <c r="A278" s="3"/>
      <c r="B278" s="10"/>
      <c r="C278" s="10"/>
      <c r="F278" s="10"/>
      <c r="H278" s="10"/>
      <c r="I278" s="10"/>
      <c r="J278" s="8"/>
    </row>
    <row r="279" spans="1:10" s="7" customFormat="1" ht="13.5" customHeight="1" x14ac:dyDescent="0.2">
      <c r="A279" s="3"/>
      <c r="B279" s="10"/>
      <c r="C279" s="10"/>
      <c r="F279" s="10"/>
      <c r="H279" s="10"/>
      <c r="I279" s="10"/>
      <c r="J279" s="8"/>
    </row>
    <row r="280" spans="1:10" s="7" customFormat="1" ht="13.5" customHeight="1" x14ac:dyDescent="0.2">
      <c r="A280" s="3"/>
      <c r="B280" s="10"/>
      <c r="C280" s="10"/>
      <c r="F280" s="10"/>
      <c r="H280" s="10"/>
      <c r="I280" s="10"/>
      <c r="J280" s="8"/>
    </row>
    <row r="281" spans="1:10" s="7" customFormat="1" ht="13.5" customHeight="1" x14ac:dyDescent="0.2">
      <c r="A281" s="3"/>
      <c r="B281" s="10"/>
      <c r="C281" s="10"/>
      <c r="F281" s="10"/>
      <c r="H281" s="10"/>
      <c r="I281" s="10"/>
      <c r="J281" s="8"/>
    </row>
    <row r="282" spans="1:10" s="7" customFormat="1" ht="13.5" customHeight="1" x14ac:dyDescent="0.2">
      <c r="A282" s="3"/>
      <c r="B282" s="10"/>
      <c r="C282" s="10"/>
      <c r="F282" s="10"/>
      <c r="H282" s="10"/>
      <c r="I282" s="10"/>
      <c r="J282" s="8"/>
    </row>
    <row r="283" spans="1:10" s="7" customFormat="1" ht="13.5" customHeight="1" x14ac:dyDescent="0.2">
      <c r="A283" s="3"/>
      <c r="B283" s="10"/>
      <c r="C283" s="10"/>
      <c r="F283" s="10"/>
      <c r="H283" s="10"/>
      <c r="I283" s="10"/>
      <c r="J283" s="8"/>
    </row>
    <row r="284" spans="1:10" s="7" customFormat="1" ht="13.5" customHeight="1" x14ac:dyDescent="0.2">
      <c r="A284" s="3"/>
      <c r="B284" s="10"/>
      <c r="C284" s="10"/>
      <c r="F284" s="10"/>
      <c r="H284" s="10"/>
      <c r="I284" s="10"/>
      <c r="J284" s="8"/>
    </row>
    <row r="285" spans="1:10" s="7" customFormat="1" ht="13.5" customHeight="1" x14ac:dyDescent="0.2">
      <c r="A285" s="3"/>
      <c r="B285" s="10"/>
      <c r="C285" s="10"/>
      <c r="F285" s="10"/>
      <c r="H285" s="10"/>
      <c r="I285" s="10"/>
      <c r="J285" s="8"/>
    </row>
    <row r="286" spans="1:10" s="7" customFormat="1" ht="13.5" customHeight="1" x14ac:dyDescent="0.2">
      <c r="A286" s="3"/>
      <c r="B286" s="10"/>
      <c r="C286" s="10"/>
      <c r="F286" s="10"/>
      <c r="H286" s="10"/>
      <c r="I286" s="10"/>
      <c r="J286" s="8"/>
    </row>
    <row r="287" spans="1:10" s="7" customFormat="1" ht="13.5" customHeight="1" x14ac:dyDescent="0.2">
      <c r="A287" s="3"/>
      <c r="B287" s="10"/>
      <c r="C287" s="10"/>
      <c r="F287" s="10"/>
      <c r="H287" s="10"/>
      <c r="I287" s="10"/>
      <c r="J287" s="8"/>
    </row>
    <row r="288" spans="1:10" ht="14.25" customHeight="1" x14ac:dyDescent="0.2"/>
    <row r="289" spans="1:10" ht="13.5" customHeight="1" x14ac:dyDescent="0.2"/>
    <row r="290" spans="1:10" ht="13.5" customHeight="1" x14ac:dyDescent="0.2"/>
    <row r="291" spans="1:10" ht="13.5" customHeight="1" x14ac:dyDescent="0.2"/>
    <row r="292" spans="1:10" ht="13.5" customHeight="1" x14ac:dyDescent="0.2"/>
    <row r="293" spans="1:10" ht="13.5" customHeight="1" x14ac:dyDescent="0.2"/>
    <row r="294" spans="1:10" ht="13.5" customHeight="1" x14ac:dyDescent="0.2"/>
    <row r="295" spans="1:10" ht="13.5" customHeight="1" x14ac:dyDescent="0.2"/>
    <row r="296" spans="1:10" ht="13.5" customHeight="1" x14ac:dyDescent="0.2"/>
    <row r="297" spans="1:10" s="7" customFormat="1" ht="13.5" customHeight="1" x14ac:dyDescent="0.2">
      <c r="A297" s="3"/>
      <c r="B297" s="10"/>
      <c r="C297" s="10"/>
      <c r="F297" s="10"/>
      <c r="H297" s="10"/>
      <c r="I297" s="10"/>
      <c r="J297" s="8"/>
    </row>
    <row r="298" spans="1:10" s="7" customFormat="1" ht="13.5" customHeight="1" x14ac:dyDescent="0.2">
      <c r="A298" s="3"/>
      <c r="B298" s="10"/>
      <c r="C298" s="10"/>
      <c r="F298" s="10"/>
      <c r="H298" s="10"/>
      <c r="I298" s="10"/>
      <c r="J298" s="8"/>
    </row>
    <row r="299" spans="1:10" s="7" customFormat="1" ht="13.5" customHeight="1" x14ac:dyDescent="0.2">
      <c r="A299" s="3"/>
      <c r="B299" s="10"/>
      <c r="C299" s="10"/>
      <c r="F299" s="10"/>
      <c r="H299" s="10"/>
      <c r="I299" s="10"/>
      <c r="J299" s="8"/>
    </row>
    <row r="300" spans="1:10" s="7" customFormat="1" ht="13.5" customHeight="1" x14ac:dyDescent="0.2">
      <c r="A300" s="3"/>
      <c r="B300" s="10"/>
      <c r="C300" s="10"/>
      <c r="F300" s="10"/>
      <c r="H300" s="10"/>
      <c r="I300" s="10"/>
      <c r="J300" s="8"/>
    </row>
    <row r="301" spans="1:10" s="7" customFormat="1" ht="13.5" customHeight="1" x14ac:dyDescent="0.2">
      <c r="A301" s="3"/>
      <c r="B301" s="10"/>
      <c r="C301" s="10"/>
      <c r="F301" s="10"/>
      <c r="H301" s="10"/>
      <c r="I301" s="10"/>
      <c r="J301" s="8"/>
    </row>
    <row r="302" spans="1:10" s="7" customFormat="1" ht="13.5" customHeight="1" x14ac:dyDescent="0.2">
      <c r="A302" s="3"/>
      <c r="B302" s="10"/>
      <c r="C302" s="10"/>
      <c r="F302" s="10"/>
      <c r="H302" s="10"/>
      <c r="I302" s="10"/>
      <c r="J302" s="8"/>
    </row>
    <row r="303" spans="1:10" s="7" customFormat="1" ht="13.5" customHeight="1" x14ac:dyDescent="0.2">
      <c r="A303" s="3"/>
      <c r="B303" s="10"/>
      <c r="C303" s="10"/>
      <c r="F303" s="10"/>
      <c r="H303" s="10"/>
      <c r="I303" s="10"/>
      <c r="J303" s="8"/>
    </row>
    <row r="304" spans="1:10" s="7" customFormat="1" ht="13.5" customHeight="1" x14ac:dyDescent="0.2">
      <c r="A304" s="3"/>
      <c r="B304" s="10"/>
      <c r="C304" s="10"/>
      <c r="F304" s="10"/>
      <c r="H304" s="10"/>
      <c r="I304" s="10"/>
      <c r="J304" s="8"/>
    </row>
    <row r="305" spans="1:10" s="7" customFormat="1" ht="13.5" customHeight="1" x14ac:dyDescent="0.2">
      <c r="A305" s="3"/>
      <c r="B305" s="10"/>
      <c r="C305" s="10"/>
      <c r="F305" s="10"/>
      <c r="H305" s="10"/>
      <c r="I305" s="10"/>
      <c r="J305" s="8"/>
    </row>
    <row r="306" spans="1:10" s="7" customFormat="1" ht="13.5" customHeight="1" x14ac:dyDescent="0.2">
      <c r="A306" s="3"/>
      <c r="B306" s="10"/>
      <c r="C306" s="10"/>
      <c r="F306" s="10"/>
      <c r="H306" s="10"/>
      <c r="I306" s="10"/>
      <c r="J306" s="8"/>
    </row>
    <row r="307" spans="1:10" s="7" customFormat="1" ht="13.5" customHeight="1" x14ac:dyDescent="0.2">
      <c r="A307" s="3"/>
      <c r="B307" s="10"/>
      <c r="C307" s="10"/>
      <c r="F307" s="10"/>
      <c r="H307" s="10"/>
      <c r="I307" s="10"/>
      <c r="J307" s="8"/>
    </row>
    <row r="308" spans="1:10" s="7" customFormat="1" ht="13.5" customHeight="1" x14ac:dyDescent="0.2">
      <c r="A308" s="3"/>
      <c r="B308" s="10"/>
      <c r="C308" s="10"/>
      <c r="F308" s="10"/>
      <c r="H308" s="10"/>
      <c r="I308" s="10"/>
      <c r="J308" s="8"/>
    </row>
    <row r="309" spans="1:10" s="7" customFormat="1" ht="13.5" customHeight="1" x14ac:dyDescent="0.2">
      <c r="A309" s="3"/>
      <c r="B309" s="10"/>
      <c r="C309" s="10"/>
      <c r="F309" s="10"/>
      <c r="H309" s="10"/>
      <c r="I309" s="10"/>
      <c r="J309" s="8"/>
    </row>
    <row r="310" spans="1:10" s="7" customFormat="1" ht="13.5" customHeight="1" x14ac:dyDescent="0.2">
      <c r="A310" s="3"/>
      <c r="B310" s="10"/>
      <c r="C310" s="10"/>
      <c r="F310" s="10"/>
      <c r="H310" s="10"/>
      <c r="I310" s="10"/>
      <c r="J310" s="8"/>
    </row>
    <row r="311" spans="1:10" s="7" customFormat="1" ht="13.5" customHeight="1" x14ac:dyDescent="0.2">
      <c r="A311" s="3"/>
      <c r="B311" s="10"/>
      <c r="C311" s="10"/>
      <c r="F311" s="10"/>
      <c r="H311" s="10"/>
      <c r="I311" s="10"/>
      <c r="J311" s="8"/>
    </row>
    <row r="312" spans="1:10" s="7" customFormat="1" ht="12.75" customHeight="1" x14ac:dyDescent="0.2">
      <c r="A312" s="3"/>
      <c r="B312" s="10"/>
      <c r="C312" s="10"/>
      <c r="F312" s="10"/>
      <c r="H312" s="10"/>
      <c r="I312" s="10"/>
      <c r="J312" s="8"/>
    </row>
    <row r="313" spans="1:10" s="7" customFormat="1" ht="12.75" customHeight="1" x14ac:dyDescent="0.2">
      <c r="A313" s="3"/>
      <c r="B313" s="10"/>
      <c r="C313" s="10"/>
      <c r="F313" s="10"/>
      <c r="H313" s="10"/>
      <c r="I313" s="10"/>
      <c r="J313" s="8"/>
    </row>
    <row r="314" spans="1:10" s="7" customFormat="1" ht="12.75" customHeight="1" x14ac:dyDescent="0.2">
      <c r="A314" s="3"/>
      <c r="B314" s="10"/>
      <c r="C314" s="10"/>
      <c r="F314" s="10"/>
      <c r="H314" s="10"/>
      <c r="I314" s="10"/>
      <c r="J314" s="8"/>
    </row>
    <row r="315" spans="1:10" s="7" customFormat="1" ht="12.75" customHeight="1" x14ac:dyDescent="0.2">
      <c r="A315" s="3"/>
      <c r="B315" s="10"/>
      <c r="C315" s="10"/>
      <c r="F315" s="10"/>
      <c r="H315" s="10"/>
      <c r="I315" s="10"/>
      <c r="J315" s="8"/>
    </row>
    <row r="316" spans="1:10" s="7" customFormat="1" ht="12.75" customHeight="1" x14ac:dyDescent="0.2">
      <c r="A316" s="3"/>
      <c r="B316" s="10"/>
      <c r="C316" s="10"/>
      <c r="F316" s="10"/>
      <c r="H316" s="10"/>
      <c r="I316" s="10"/>
      <c r="J316" s="8"/>
    </row>
    <row r="317" spans="1:10" s="7" customFormat="1" ht="12.75" customHeight="1" x14ac:dyDescent="0.2">
      <c r="A317" s="3"/>
      <c r="B317" s="10"/>
      <c r="C317" s="10"/>
      <c r="F317" s="10"/>
      <c r="H317" s="10"/>
      <c r="I317" s="10"/>
      <c r="J317" s="8"/>
    </row>
    <row r="318" spans="1:10" s="7" customFormat="1" ht="12.75" customHeight="1" x14ac:dyDescent="0.2">
      <c r="A318" s="3"/>
      <c r="B318" s="10"/>
      <c r="C318" s="10"/>
      <c r="F318" s="10"/>
      <c r="H318" s="10"/>
      <c r="I318" s="10"/>
      <c r="J318" s="8"/>
    </row>
    <row r="319" spans="1:10" s="7" customFormat="1" ht="12.75" customHeight="1" x14ac:dyDescent="0.2">
      <c r="A319" s="3"/>
      <c r="B319" s="10"/>
      <c r="C319" s="10"/>
      <c r="F319" s="10"/>
      <c r="H319" s="10"/>
      <c r="I319" s="10"/>
      <c r="J319" s="8"/>
    </row>
    <row r="320" spans="1:10" s="7" customFormat="1" ht="12.75" customHeight="1" x14ac:dyDescent="0.2">
      <c r="A320" s="3"/>
      <c r="B320" s="10"/>
      <c r="C320" s="10"/>
      <c r="F320" s="10"/>
      <c r="H320" s="10"/>
      <c r="I320" s="10"/>
      <c r="J320" s="8"/>
    </row>
    <row r="321" spans="1:13" s="7" customFormat="1" ht="12.75" customHeight="1" x14ac:dyDescent="0.2">
      <c r="A321" s="3"/>
      <c r="B321" s="10"/>
      <c r="C321" s="10"/>
      <c r="F321" s="10"/>
      <c r="H321" s="10"/>
      <c r="I321" s="10"/>
      <c r="J321" s="8"/>
    </row>
    <row r="322" spans="1:13" s="7" customFormat="1" ht="12.75" customHeight="1" x14ac:dyDescent="0.2">
      <c r="A322" s="3"/>
      <c r="B322" s="10"/>
      <c r="C322" s="10"/>
      <c r="F322" s="10"/>
      <c r="H322" s="10"/>
      <c r="I322" s="10"/>
      <c r="J322" s="8"/>
    </row>
    <row r="323" spans="1:13" s="7" customFormat="1" ht="14.25" customHeight="1" x14ac:dyDescent="0.2">
      <c r="A323" s="3"/>
      <c r="B323" s="10"/>
      <c r="C323" s="10"/>
      <c r="F323" s="10"/>
      <c r="H323" s="10"/>
      <c r="I323" s="10"/>
      <c r="J323" s="8"/>
      <c r="K323" s="2"/>
      <c r="L323" s="2"/>
      <c r="M323" s="2"/>
    </row>
    <row r="324" spans="1:13" s="7" customFormat="1" ht="14.25" customHeight="1" x14ac:dyDescent="0.2">
      <c r="A324" s="3"/>
      <c r="B324" s="10"/>
      <c r="C324" s="10"/>
      <c r="F324" s="10"/>
      <c r="H324" s="10"/>
      <c r="I324" s="10"/>
      <c r="J324" s="8"/>
      <c r="K324" s="2"/>
      <c r="L324" s="2"/>
      <c r="M324" s="2"/>
    </row>
    <row r="325" spans="1:13" s="7" customFormat="1" ht="14.25" customHeight="1" x14ac:dyDescent="0.2">
      <c r="A325" s="3"/>
      <c r="B325" s="10"/>
      <c r="C325" s="10"/>
      <c r="F325" s="10"/>
      <c r="H325" s="10"/>
      <c r="I325" s="10"/>
      <c r="J325" s="8"/>
      <c r="K325" s="2"/>
      <c r="L325" s="2"/>
      <c r="M325" s="2"/>
    </row>
    <row r="326" spans="1:13" s="7" customFormat="1" ht="13.5" customHeight="1" x14ac:dyDescent="0.2">
      <c r="A326" s="3"/>
      <c r="B326" s="10"/>
      <c r="C326" s="10"/>
      <c r="F326" s="10"/>
      <c r="H326" s="10"/>
      <c r="I326" s="10"/>
      <c r="J326" s="8"/>
    </row>
    <row r="327" spans="1:13" s="7" customFormat="1" ht="13.5" customHeight="1" x14ac:dyDescent="0.2">
      <c r="A327" s="3"/>
      <c r="B327" s="10"/>
      <c r="C327" s="10"/>
      <c r="F327" s="10"/>
      <c r="H327" s="10"/>
      <c r="I327" s="10"/>
      <c r="J327" s="8"/>
    </row>
    <row r="328" spans="1:13" s="7" customFormat="1" ht="13.5" customHeight="1" x14ac:dyDescent="0.2">
      <c r="A328" s="3"/>
      <c r="B328" s="10"/>
      <c r="C328" s="10"/>
      <c r="F328" s="10"/>
      <c r="H328" s="10"/>
      <c r="I328" s="10"/>
      <c r="J328" s="8"/>
    </row>
    <row r="329" spans="1:13" s="7" customFormat="1" ht="13.5" customHeight="1" x14ac:dyDescent="0.2">
      <c r="A329" s="3"/>
      <c r="B329" s="10"/>
      <c r="C329" s="10"/>
      <c r="F329" s="10"/>
      <c r="H329" s="10"/>
      <c r="I329" s="10"/>
      <c r="J329" s="8"/>
    </row>
    <row r="330" spans="1:13" s="7" customFormat="1" ht="13.5" customHeight="1" x14ac:dyDescent="0.2">
      <c r="A330" s="3"/>
      <c r="B330" s="10"/>
      <c r="C330" s="10"/>
      <c r="F330" s="10"/>
      <c r="H330" s="10"/>
      <c r="I330" s="10"/>
      <c r="J330" s="8"/>
    </row>
    <row r="331" spans="1:13" s="7" customFormat="1" ht="13.5" customHeight="1" x14ac:dyDescent="0.2">
      <c r="A331" s="3"/>
      <c r="B331" s="10"/>
      <c r="C331" s="10"/>
      <c r="F331" s="10"/>
      <c r="H331" s="10"/>
      <c r="I331" s="10"/>
      <c r="J331" s="8"/>
    </row>
    <row r="332" spans="1:13" s="7" customFormat="1" ht="13.5" customHeight="1" x14ac:dyDescent="0.2">
      <c r="A332" s="3"/>
      <c r="B332" s="10"/>
      <c r="C332" s="10"/>
      <c r="F332" s="10"/>
      <c r="H332" s="10"/>
      <c r="I332" s="10"/>
      <c r="J332" s="8"/>
    </row>
    <row r="333" spans="1:13" s="7" customFormat="1" ht="13.5" customHeight="1" x14ac:dyDescent="0.2">
      <c r="A333" s="3"/>
      <c r="B333" s="10"/>
      <c r="C333" s="10"/>
      <c r="F333" s="10"/>
      <c r="H333" s="10"/>
      <c r="I333" s="10"/>
      <c r="J333" s="8"/>
    </row>
    <row r="334" spans="1:13" s="7" customFormat="1" ht="13.5" customHeight="1" x14ac:dyDescent="0.2">
      <c r="A334" s="3"/>
      <c r="B334" s="10"/>
      <c r="C334" s="10"/>
      <c r="F334" s="10"/>
      <c r="H334" s="10"/>
      <c r="I334" s="10"/>
      <c r="J334" s="14"/>
    </row>
    <row r="335" spans="1:13" s="7" customFormat="1" ht="13.5" customHeight="1" x14ac:dyDescent="0.2">
      <c r="A335" s="3"/>
      <c r="B335" s="10"/>
      <c r="C335" s="10"/>
      <c r="F335" s="10"/>
      <c r="H335" s="10"/>
      <c r="I335" s="10"/>
      <c r="J335" s="8"/>
    </row>
    <row r="336" spans="1:13" s="7" customFormat="1" ht="13.5" customHeight="1" x14ac:dyDescent="0.2">
      <c r="A336" s="3"/>
      <c r="B336" s="10"/>
      <c r="C336" s="10"/>
      <c r="F336" s="10"/>
      <c r="H336" s="10"/>
      <c r="I336" s="10"/>
      <c r="J336" s="8"/>
    </row>
    <row r="337" spans="1:10" s="7" customFormat="1" ht="13.5" customHeight="1" x14ac:dyDescent="0.2">
      <c r="A337" s="3"/>
      <c r="B337" s="10"/>
      <c r="C337" s="10"/>
      <c r="F337" s="10"/>
      <c r="H337" s="10"/>
      <c r="I337" s="10"/>
      <c r="J337" s="8"/>
    </row>
    <row r="338" spans="1:10" s="7" customFormat="1" ht="13.5" customHeight="1" x14ac:dyDescent="0.2">
      <c r="A338" s="3"/>
      <c r="B338" s="10"/>
      <c r="C338" s="10"/>
      <c r="F338" s="10"/>
      <c r="H338" s="10"/>
      <c r="I338" s="10"/>
      <c r="J338" s="8"/>
    </row>
    <row r="339" spans="1:10" s="7" customFormat="1" ht="13.5" customHeight="1" x14ac:dyDescent="0.2">
      <c r="A339" s="3"/>
      <c r="B339" s="10"/>
      <c r="C339" s="10"/>
      <c r="F339" s="10"/>
      <c r="H339" s="10"/>
      <c r="I339" s="10"/>
      <c r="J339" s="8"/>
    </row>
    <row r="340" spans="1:10" s="7" customFormat="1" ht="13.5" customHeight="1" x14ac:dyDescent="0.2">
      <c r="A340" s="3"/>
      <c r="B340" s="10"/>
      <c r="C340" s="10"/>
      <c r="F340" s="10"/>
      <c r="H340" s="10"/>
      <c r="I340" s="10"/>
      <c r="J340" s="8"/>
    </row>
    <row r="341" spans="1:10" s="7" customFormat="1" ht="13.5" customHeight="1" x14ac:dyDescent="0.2">
      <c r="A341" s="3"/>
      <c r="B341" s="10"/>
      <c r="C341" s="10"/>
      <c r="F341" s="10"/>
      <c r="H341" s="10"/>
      <c r="I341" s="10"/>
      <c r="J341" s="8"/>
    </row>
    <row r="342" spans="1:10" s="7" customFormat="1" ht="13.5" customHeight="1" x14ac:dyDescent="0.2">
      <c r="A342" s="3"/>
      <c r="B342" s="10"/>
      <c r="C342" s="10"/>
      <c r="F342" s="10"/>
      <c r="H342" s="10"/>
      <c r="I342" s="10"/>
      <c r="J342" s="8"/>
    </row>
    <row r="343" spans="1:10" s="7" customFormat="1" ht="13.5" customHeight="1" x14ac:dyDescent="0.2">
      <c r="A343" s="3"/>
      <c r="B343" s="10"/>
      <c r="C343" s="10"/>
      <c r="F343" s="10"/>
      <c r="H343" s="10"/>
      <c r="I343" s="10"/>
      <c r="J343" s="8"/>
    </row>
    <row r="344" spans="1:10" s="7" customFormat="1" ht="13.5" customHeight="1" x14ac:dyDescent="0.2">
      <c r="A344" s="3"/>
      <c r="B344" s="10"/>
      <c r="C344" s="10"/>
      <c r="F344" s="10"/>
      <c r="H344" s="10"/>
      <c r="I344" s="10"/>
      <c r="J344" s="8"/>
    </row>
    <row r="345" spans="1:10" s="7" customFormat="1" ht="13.5" customHeight="1" x14ac:dyDescent="0.2">
      <c r="A345" s="3"/>
      <c r="B345" s="10"/>
      <c r="C345" s="10"/>
      <c r="F345" s="10"/>
      <c r="H345" s="10"/>
      <c r="I345" s="10"/>
      <c r="J345" s="8"/>
    </row>
    <row r="346" spans="1:10" s="7" customFormat="1" ht="13.5" customHeight="1" x14ac:dyDescent="0.2">
      <c r="A346" s="3"/>
      <c r="B346" s="10"/>
      <c r="C346" s="10"/>
      <c r="F346" s="10"/>
      <c r="H346" s="10"/>
      <c r="I346" s="10"/>
      <c r="J346" s="8"/>
    </row>
    <row r="347" spans="1:10" s="7" customFormat="1" ht="13.5" customHeight="1" x14ac:dyDescent="0.2">
      <c r="A347" s="3"/>
      <c r="B347" s="10"/>
      <c r="C347" s="10"/>
      <c r="F347" s="10"/>
      <c r="H347" s="10"/>
      <c r="I347" s="10"/>
      <c r="J347" s="8"/>
    </row>
    <row r="348" spans="1:10" s="7" customFormat="1" ht="13.5" customHeight="1" x14ac:dyDescent="0.2">
      <c r="A348" s="3"/>
      <c r="B348" s="10"/>
      <c r="C348" s="10"/>
      <c r="F348" s="10"/>
      <c r="H348" s="10"/>
      <c r="I348" s="10"/>
      <c r="J348" s="8"/>
    </row>
    <row r="349" spans="1:10" s="7" customFormat="1" ht="13.5" customHeight="1" x14ac:dyDescent="0.2">
      <c r="A349" s="3"/>
      <c r="B349" s="10"/>
      <c r="C349" s="10"/>
      <c r="F349" s="10"/>
      <c r="H349" s="10"/>
      <c r="I349" s="10"/>
      <c r="J349" s="8"/>
    </row>
    <row r="350" spans="1:10" s="7" customFormat="1" ht="13.5" customHeight="1" x14ac:dyDescent="0.2">
      <c r="A350" s="8"/>
      <c r="B350" s="10"/>
      <c r="C350" s="10"/>
      <c r="F350" s="10"/>
      <c r="H350" s="10"/>
      <c r="I350" s="10"/>
      <c r="J350" s="8"/>
    </row>
    <row r="351" spans="1:10" s="7" customFormat="1" ht="13.5" customHeight="1" x14ac:dyDescent="0.2">
      <c r="A351" s="8"/>
      <c r="B351" s="10"/>
      <c r="C351" s="10"/>
      <c r="F351" s="10"/>
      <c r="H351" s="10"/>
      <c r="I351" s="10"/>
      <c r="J351" s="8"/>
    </row>
    <row r="352" spans="1:10" s="7" customFormat="1" ht="13.5" customHeight="1" x14ac:dyDescent="0.2">
      <c r="A352" s="8"/>
      <c r="B352" s="10"/>
      <c r="C352" s="10"/>
      <c r="F352" s="10"/>
      <c r="H352" s="10"/>
      <c r="I352" s="10"/>
      <c r="J352" s="8"/>
    </row>
    <row r="353" spans="1:13" x14ac:dyDescent="0.2">
      <c r="A353" s="8"/>
    </row>
    <row r="354" spans="1:13" x14ac:dyDescent="0.2">
      <c r="A354" s="8"/>
    </row>
    <row r="355" spans="1:13" s="3" customFormat="1" ht="13.5" customHeight="1" x14ac:dyDescent="0.2">
      <c r="A355" s="8"/>
      <c r="B355" s="10"/>
      <c r="C355" s="10"/>
      <c r="D355" s="7"/>
      <c r="E355" s="7"/>
      <c r="F355" s="10"/>
      <c r="G355" s="7"/>
      <c r="H355" s="10"/>
      <c r="I355" s="10"/>
      <c r="K355"/>
      <c r="L355"/>
      <c r="M355"/>
    </row>
    <row r="356" spans="1:13" s="3" customFormat="1" ht="13.5" customHeight="1" x14ac:dyDescent="0.2">
      <c r="A356" s="8"/>
      <c r="B356" s="10"/>
      <c r="C356" s="10"/>
      <c r="D356" s="7"/>
      <c r="E356" s="7"/>
      <c r="F356" s="10"/>
      <c r="G356" s="7"/>
      <c r="H356" s="10"/>
      <c r="I356" s="10"/>
      <c r="K356"/>
      <c r="L356"/>
      <c r="M356"/>
    </row>
    <row r="357" spans="1:13" s="3" customFormat="1" ht="13.5" customHeight="1" x14ac:dyDescent="0.2">
      <c r="A357" s="8"/>
      <c r="B357" s="10"/>
      <c r="C357" s="10"/>
      <c r="D357" s="7"/>
      <c r="E357" s="7"/>
      <c r="F357" s="10"/>
      <c r="G357" s="7"/>
      <c r="H357" s="10"/>
      <c r="I357" s="10"/>
      <c r="K357"/>
      <c r="L357"/>
      <c r="M357"/>
    </row>
    <row r="358" spans="1:13" s="3" customFormat="1" ht="13.5" customHeight="1" x14ac:dyDescent="0.2">
      <c r="A358" s="8"/>
      <c r="B358" s="10"/>
      <c r="C358" s="10"/>
      <c r="D358" s="7"/>
      <c r="E358" s="7"/>
      <c r="F358" s="10"/>
      <c r="G358" s="7"/>
      <c r="H358" s="10"/>
      <c r="I358" s="10"/>
      <c r="K358"/>
      <c r="L358"/>
      <c r="M358"/>
    </row>
    <row r="359" spans="1:13" s="3" customFormat="1" ht="13.5" customHeight="1" x14ac:dyDescent="0.2">
      <c r="A359" s="8"/>
      <c r="B359" s="10"/>
      <c r="C359" s="10"/>
      <c r="D359" s="7"/>
      <c r="E359" s="7"/>
      <c r="F359" s="10"/>
      <c r="G359" s="7"/>
      <c r="H359" s="10"/>
      <c r="I359" s="10"/>
      <c r="K359"/>
      <c r="L359"/>
      <c r="M359"/>
    </row>
    <row r="360" spans="1:13" s="3" customFormat="1" ht="13.5" customHeight="1" x14ac:dyDescent="0.2">
      <c r="A360" s="8"/>
      <c r="B360" s="10"/>
      <c r="C360" s="10"/>
      <c r="D360" s="7"/>
      <c r="E360" s="7"/>
      <c r="F360" s="10"/>
      <c r="G360" s="7"/>
      <c r="H360" s="10"/>
      <c r="I360" s="10"/>
      <c r="K360"/>
      <c r="L360"/>
      <c r="M360"/>
    </row>
    <row r="361" spans="1:13" s="3" customFormat="1" ht="13.5" customHeight="1" x14ac:dyDescent="0.2">
      <c r="A361" s="8"/>
      <c r="B361" s="10"/>
      <c r="C361" s="10"/>
      <c r="D361" s="7"/>
      <c r="E361" s="7"/>
      <c r="F361" s="10"/>
      <c r="G361" s="7"/>
      <c r="H361" s="10"/>
      <c r="I361" s="10"/>
      <c r="K361"/>
      <c r="L361"/>
      <c r="M361"/>
    </row>
    <row r="362" spans="1:13" s="3" customFormat="1" ht="13.5" customHeight="1" x14ac:dyDescent="0.2">
      <c r="A362" s="8"/>
      <c r="B362" s="10"/>
      <c r="C362" s="10"/>
      <c r="D362" s="7"/>
      <c r="E362" s="7"/>
      <c r="F362" s="10"/>
      <c r="G362" s="7"/>
      <c r="H362" s="10"/>
      <c r="I362" s="10"/>
      <c r="K362"/>
      <c r="L362"/>
      <c r="M362"/>
    </row>
    <row r="363" spans="1:13" s="3" customFormat="1" ht="13.5" customHeight="1" x14ac:dyDescent="0.2">
      <c r="A363" s="8"/>
      <c r="B363" s="10"/>
      <c r="C363" s="10"/>
      <c r="D363" s="7"/>
      <c r="E363" s="7"/>
      <c r="F363" s="10"/>
      <c r="G363" s="7"/>
      <c r="H363" s="10"/>
      <c r="I363" s="10"/>
      <c r="K363"/>
      <c r="L363"/>
      <c r="M363"/>
    </row>
    <row r="364" spans="1:13" s="3" customFormat="1" ht="13.5" customHeight="1" x14ac:dyDescent="0.2">
      <c r="A364" s="8"/>
      <c r="B364" s="10"/>
      <c r="C364" s="10"/>
      <c r="D364" s="7"/>
      <c r="E364" s="7"/>
      <c r="F364" s="10"/>
      <c r="G364" s="7"/>
      <c r="H364" s="10"/>
      <c r="I364" s="10"/>
      <c r="K364"/>
      <c r="L364"/>
      <c r="M364"/>
    </row>
    <row r="365" spans="1:13" s="3" customFormat="1" ht="13.5" customHeight="1" x14ac:dyDescent="0.2">
      <c r="A365" s="8"/>
      <c r="B365" s="10"/>
      <c r="C365" s="10"/>
      <c r="D365" s="7"/>
      <c r="E365" s="7"/>
      <c r="F365" s="10"/>
      <c r="G365" s="7"/>
      <c r="H365" s="10"/>
      <c r="I365" s="10"/>
      <c r="K365"/>
      <c r="L365"/>
      <c r="M365"/>
    </row>
    <row r="366" spans="1:13" s="3" customFormat="1" ht="13.5" customHeight="1" x14ac:dyDescent="0.2">
      <c r="A366" s="8"/>
      <c r="B366" s="10"/>
      <c r="C366" s="10"/>
      <c r="D366" s="7"/>
      <c r="E366" s="7"/>
      <c r="F366" s="10"/>
      <c r="G366" s="7"/>
      <c r="H366" s="10"/>
      <c r="I366" s="10"/>
      <c r="K366"/>
      <c r="L366"/>
      <c r="M366"/>
    </row>
    <row r="367" spans="1:13" s="3" customFormat="1" ht="13.5" customHeight="1" x14ac:dyDescent="0.2">
      <c r="A367" s="8"/>
      <c r="B367" s="10"/>
      <c r="C367" s="10"/>
      <c r="D367" s="7"/>
      <c r="E367" s="7"/>
      <c r="F367" s="10"/>
      <c r="G367" s="7"/>
      <c r="H367" s="10"/>
      <c r="I367" s="10"/>
      <c r="K367"/>
      <c r="L367"/>
      <c r="M367"/>
    </row>
    <row r="368" spans="1:13" s="3" customFormat="1" ht="13.5" customHeight="1" x14ac:dyDescent="0.2">
      <c r="A368" s="8"/>
      <c r="B368" s="10"/>
      <c r="C368" s="10"/>
      <c r="D368" s="7"/>
      <c r="E368" s="7"/>
      <c r="F368" s="10"/>
      <c r="G368" s="7"/>
      <c r="H368" s="10"/>
      <c r="I368" s="10"/>
      <c r="K368"/>
      <c r="L368"/>
      <c r="M368"/>
    </row>
    <row r="369" spans="1:13" s="3" customFormat="1" ht="13.5" customHeight="1" x14ac:dyDescent="0.2">
      <c r="A369" s="8"/>
      <c r="B369" s="10"/>
      <c r="C369" s="10"/>
      <c r="D369" s="7"/>
      <c r="E369" s="7"/>
      <c r="F369" s="10"/>
      <c r="G369" s="7"/>
      <c r="H369" s="10"/>
      <c r="I369" s="10"/>
      <c r="K369"/>
      <c r="L369"/>
      <c r="M369"/>
    </row>
    <row r="370" spans="1:13" s="3" customFormat="1" ht="13.5" customHeight="1" x14ac:dyDescent="0.2">
      <c r="A370" s="8"/>
      <c r="B370" s="10"/>
      <c r="C370" s="10"/>
      <c r="D370" s="7"/>
      <c r="E370" s="7"/>
      <c r="F370" s="10"/>
      <c r="G370" s="7"/>
      <c r="H370" s="10"/>
      <c r="I370" s="10"/>
      <c r="K370"/>
      <c r="L370"/>
      <c r="M370"/>
    </row>
    <row r="371" spans="1:13" ht="13.5" customHeight="1" x14ac:dyDescent="0.2">
      <c r="A371" s="8"/>
    </row>
    <row r="372" spans="1:13" ht="13.5" customHeight="1" x14ac:dyDescent="0.2">
      <c r="A372" s="8"/>
    </row>
    <row r="373" spans="1:13" ht="13.5" customHeight="1" x14ac:dyDescent="0.2">
      <c r="A373" s="8"/>
    </row>
    <row r="374" spans="1:13" ht="13.5" customHeight="1" x14ac:dyDescent="0.2">
      <c r="A374" s="8"/>
    </row>
    <row r="375" spans="1:13" ht="13.5" customHeight="1" x14ac:dyDescent="0.2">
      <c r="A375" s="8"/>
    </row>
    <row r="376" spans="1:13" ht="13.5" customHeight="1" x14ac:dyDescent="0.2">
      <c r="A376" s="8"/>
    </row>
    <row r="377" spans="1:13" ht="13.5" customHeight="1" x14ac:dyDescent="0.2">
      <c r="A377" s="8"/>
    </row>
    <row r="378" spans="1:13" ht="13.5" customHeight="1" x14ac:dyDescent="0.2">
      <c r="A378" s="8"/>
    </row>
    <row r="379" spans="1:13" ht="13.5" customHeight="1" x14ac:dyDescent="0.2">
      <c r="A379" s="8"/>
    </row>
    <row r="380" spans="1:13" s="7" customFormat="1" ht="13.5" customHeight="1" x14ac:dyDescent="0.2">
      <c r="A380" s="8"/>
      <c r="B380" s="10"/>
      <c r="C380" s="10"/>
      <c r="F380" s="10"/>
      <c r="H380" s="10"/>
      <c r="I380" s="10"/>
      <c r="J380" s="8"/>
    </row>
    <row r="381" spans="1:13" ht="13.5" customHeight="1" x14ac:dyDescent="0.2">
      <c r="A381" s="8"/>
    </row>
    <row r="382" spans="1:13" ht="13.5" customHeight="1" x14ac:dyDescent="0.2">
      <c r="A382" s="8"/>
    </row>
    <row r="383" spans="1:13" ht="13.5" customHeight="1" x14ac:dyDescent="0.2">
      <c r="A383" s="8"/>
    </row>
    <row r="384" spans="1:13" ht="13.5" customHeight="1" x14ac:dyDescent="0.2">
      <c r="A384" s="8"/>
    </row>
    <row r="385" spans="1:10" ht="13.5" customHeight="1" x14ac:dyDescent="0.2">
      <c r="A385" s="8"/>
    </row>
    <row r="386" spans="1:10" s="7" customFormat="1" ht="13.5" customHeight="1" x14ac:dyDescent="0.2">
      <c r="A386" s="8"/>
      <c r="B386" s="10"/>
      <c r="C386" s="10"/>
      <c r="F386" s="10"/>
      <c r="H386" s="10"/>
      <c r="I386" s="10"/>
      <c r="J386" s="8"/>
    </row>
    <row r="387" spans="1:10" x14ac:dyDescent="0.2">
      <c r="A387" s="8"/>
    </row>
    <row r="388" spans="1:10" x14ac:dyDescent="0.2">
      <c r="A388" s="8"/>
    </row>
    <row r="389" spans="1:10" s="7" customFormat="1" ht="13.5" customHeight="1" x14ac:dyDescent="0.2">
      <c r="A389" s="8"/>
      <c r="B389" s="10"/>
      <c r="C389" s="10"/>
      <c r="F389" s="10"/>
      <c r="H389" s="10"/>
      <c r="I389" s="10"/>
      <c r="J389" s="8"/>
    </row>
    <row r="390" spans="1:10" s="7" customFormat="1" ht="13.5" customHeight="1" x14ac:dyDescent="0.2">
      <c r="A390" s="8"/>
      <c r="B390" s="10"/>
      <c r="C390" s="10"/>
      <c r="F390" s="10"/>
      <c r="H390" s="10"/>
      <c r="I390" s="10"/>
      <c r="J390" s="8"/>
    </row>
    <row r="391" spans="1:10" s="7" customFormat="1" ht="13.5" customHeight="1" x14ac:dyDescent="0.2">
      <c r="A391" s="8"/>
      <c r="B391" s="10"/>
      <c r="C391" s="10"/>
      <c r="F391" s="10"/>
      <c r="H391" s="10"/>
      <c r="I391" s="10"/>
      <c r="J391" s="8"/>
    </row>
    <row r="392" spans="1:10" s="7" customFormat="1" ht="13.5" customHeight="1" x14ac:dyDescent="0.2">
      <c r="A392" s="8"/>
      <c r="B392" s="10"/>
      <c r="C392" s="10"/>
      <c r="F392" s="10"/>
      <c r="H392" s="10"/>
      <c r="I392" s="10"/>
      <c r="J392" s="8"/>
    </row>
    <row r="393" spans="1:10" s="7" customFormat="1" ht="13.5" customHeight="1" x14ac:dyDescent="0.2">
      <c r="A393" s="8"/>
      <c r="B393" s="10"/>
      <c r="C393" s="10"/>
      <c r="F393" s="10"/>
      <c r="H393" s="10"/>
      <c r="I393" s="10"/>
      <c r="J393" s="8"/>
    </row>
    <row r="394" spans="1:10" s="7" customFormat="1" ht="13.5" customHeight="1" x14ac:dyDescent="0.2">
      <c r="A394" s="8"/>
      <c r="B394" s="10"/>
      <c r="C394" s="10"/>
      <c r="F394" s="10"/>
      <c r="H394" s="10"/>
      <c r="I394" s="10"/>
      <c r="J394" s="8"/>
    </row>
    <row r="395" spans="1:10" s="7" customFormat="1" ht="13.5" customHeight="1" x14ac:dyDescent="0.2">
      <c r="A395" s="8"/>
      <c r="B395" s="10"/>
      <c r="C395" s="10"/>
      <c r="F395" s="10"/>
      <c r="H395" s="10"/>
      <c r="I395" s="10"/>
      <c r="J395" s="8"/>
    </row>
    <row r="396" spans="1:10" s="7" customFormat="1" ht="13.5" customHeight="1" x14ac:dyDescent="0.2">
      <c r="A396" s="8"/>
      <c r="B396" s="10"/>
      <c r="C396" s="10"/>
      <c r="F396" s="10"/>
      <c r="H396" s="10"/>
      <c r="I396" s="10"/>
      <c r="J396" s="8"/>
    </row>
    <row r="397" spans="1:10" s="7" customFormat="1" ht="13.5" customHeight="1" x14ac:dyDescent="0.2">
      <c r="A397" s="8"/>
      <c r="B397" s="10"/>
      <c r="C397" s="10"/>
      <c r="F397" s="10"/>
      <c r="H397" s="10"/>
      <c r="I397" s="10"/>
      <c r="J397" s="8"/>
    </row>
    <row r="398" spans="1:10" s="7" customFormat="1" ht="13.5" customHeight="1" x14ac:dyDescent="0.2">
      <c r="A398" s="8"/>
      <c r="B398" s="10"/>
      <c r="C398" s="10"/>
      <c r="F398" s="10"/>
      <c r="H398" s="10"/>
      <c r="I398" s="10"/>
      <c r="J398" s="8"/>
    </row>
    <row r="399" spans="1:10" s="7" customFormat="1" ht="13.5" customHeight="1" x14ac:dyDescent="0.2">
      <c r="A399" s="8"/>
      <c r="B399" s="10"/>
      <c r="C399" s="10"/>
      <c r="F399" s="10"/>
      <c r="H399" s="10"/>
      <c r="I399" s="10"/>
      <c r="J399" s="8"/>
    </row>
    <row r="400" spans="1:10" s="7" customFormat="1" ht="13.5" customHeight="1" x14ac:dyDescent="0.2">
      <c r="A400" s="8"/>
      <c r="B400" s="10"/>
      <c r="C400" s="10"/>
      <c r="F400" s="10"/>
      <c r="H400" s="10"/>
      <c r="I400" s="10"/>
      <c r="J400" s="8"/>
    </row>
    <row r="401" spans="1:10" s="7" customFormat="1" ht="13.5" customHeight="1" x14ac:dyDescent="0.2">
      <c r="A401" s="8"/>
      <c r="B401" s="10"/>
      <c r="C401" s="10"/>
      <c r="F401" s="10"/>
      <c r="H401" s="10"/>
      <c r="I401" s="10"/>
      <c r="J401" s="8"/>
    </row>
    <row r="402" spans="1:10" s="7" customFormat="1" ht="13.5" customHeight="1" x14ac:dyDescent="0.2">
      <c r="A402" s="8"/>
      <c r="B402" s="10"/>
      <c r="C402" s="10"/>
      <c r="F402" s="10"/>
      <c r="H402" s="10"/>
      <c r="I402" s="10"/>
      <c r="J402" s="8"/>
    </row>
    <row r="403" spans="1:10" s="7" customFormat="1" ht="13.5" customHeight="1" x14ac:dyDescent="0.2">
      <c r="A403" s="8"/>
      <c r="B403" s="10"/>
      <c r="C403" s="10"/>
      <c r="F403" s="10"/>
      <c r="H403" s="10"/>
      <c r="I403" s="10"/>
      <c r="J403" s="14"/>
    </row>
    <row r="404" spans="1:10" s="7" customFormat="1" ht="13.5" customHeight="1" x14ac:dyDescent="0.2">
      <c r="A404" s="8"/>
      <c r="B404" s="10"/>
      <c r="C404" s="10"/>
      <c r="F404" s="10"/>
      <c r="H404" s="10"/>
      <c r="I404" s="10"/>
      <c r="J404" s="8"/>
    </row>
    <row r="405" spans="1:10" s="7" customFormat="1" ht="13.5" customHeight="1" x14ac:dyDescent="0.2">
      <c r="A405" s="8"/>
      <c r="B405" s="10"/>
      <c r="C405" s="10"/>
      <c r="F405" s="10"/>
      <c r="H405" s="10"/>
      <c r="I405" s="10"/>
      <c r="J405" s="8"/>
    </row>
    <row r="406" spans="1:10" s="7" customFormat="1" ht="13.5" customHeight="1" x14ac:dyDescent="0.2">
      <c r="A406" s="8"/>
      <c r="B406" s="10"/>
      <c r="C406" s="10"/>
      <c r="F406" s="10"/>
      <c r="H406" s="10"/>
      <c r="I406" s="10"/>
      <c r="J406" s="8"/>
    </row>
    <row r="407" spans="1:10" s="7" customFormat="1" ht="13.5" customHeight="1" x14ac:dyDescent="0.2">
      <c r="A407" s="8"/>
      <c r="B407" s="10"/>
      <c r="C407" s="10"/>
      <c r="F407" s="10"/>
      <c r="H407" s="10"/>
      <c r="I407" s="10"/>
      <c r="J407" s="8"/>
    </row>
    <row r="408" spans="1:10" s="7" customFormat="1" ht="13.5" customHeight="1" x14ac:dyDescent="0.2">
      <c r="A408" s="8"/>
      <c r="B408" s="10"/>
      <c r="C408" s="10"/>
      <c r="F408" s="10"/>
      <c r="H408" s="10"/>
      <c r="I408" s="10"/>
      <c r="J408" s="8"/>
    </row>
    <row r="409" spans="1:10" s="7" customFormat="1" ht="13.5" customHeight="1" x14ac:dyDescent="0.2">
      <c r="A409" s="8"/>
      <c r="B409" s="10"/>
      <c r="C409" s="10"/>
      <c r="F409" s="10"/>
      <c r="H409" s="10"/>
      <c r="I409" s="10"/>
      <c r="J409" s="8"/>
    </row>
    <row r="410" spans="1:10" s="7" customFormat="1" ht="13.5" customHeight="1" x14ac:dyDescent="0.2">
      <c r="A410" s="8"/>
      <c r="B410" s="10"/>
      <c r="C410" s="10"/>
      <c r="F410" s="10"/>
      <c r="H410" s="10"/>
      <c r="I410" s="10"/>
      <c r="J410" s="8"/>
    </row>
    <row r="411" spans="1:10" ht="14.25" customHeight="1" x14ac:dyDescent="0.2">
      <c r="A411" s="8"/>
    </row>
    <row r="412" spans="1:10" ht="14.25" customHeight="1" x14ac:dyDescent="0.2">
      <c r="A412" s="8"/>
    </row>
    <row r="413" spans="1:10" ht="14.25" customHeight="1" x14ac:dyDescent="0.2">
      <c r="A413" s="8"/>
    </row>
    <row r="414" spans="1:10" ht="14.25" customHeight="1" x14ac:dyDescent="0.2">
      <c r="A414" s="8"/>
    </row>
    <row r="415" spans="1:10" ht="14.25" customHeight="1" x14ac:dyDescent="0.2">
      <c r="A415" s="8"/>
    </row>
    <row r="416" spans="1:10" ht="14.25" customHeight="1" x14ac:dyDescent="0.2">
      <c r="A416" s="8"/>
    </row>
    <row r="417" spans="1:10" ht="14.25" customHeight="1" x14ac:dyDescent="0.2">
      <c r="A417" s="8"/>
    </row>
    <row r="418" spans="1:10" s="7" customFormat="1" ht="14.25" customHeight="1" x14ac:dyDescent="0.2">
      <c r="A418" s="8"/>
      <c r="B418" s="10"/>
      <c r="C418" s="10"/>
      <c r="F418" s="10"/>
      <c r="H418" s="10"/>
      <c r="I418" s="10"/>
      <c r="J418" s="8"/>
    </row>
    <row r="419" spans="1:10" ht="14.25" customHeight="1" x14ac:dyDescent="0.2">
      <c r="A419" s="8"/>
    </row>
    <row r="420" spans="1:10" s="7" customFormat="1" ht="13.5" customHeight="1" x14ac:dyDescent="0.2">
      <c r="A420" s="8"/>
      <c r="B420" s="10"/>
      <c r="C420" s="10"/>
      <c r="F420" s="10"/>
      <c r="H420" s="10"/>
      <c r="I420" s="10"/>
      <c r="J420" s="8"/>
    </row>
    <row r="421" spans="1:10" s="7" customFormat="1" ht="13.5" customHeight="1" x14ac:dyDescent="0.2">
      <c r="A421" s="8"/>
      <c r="B421" s="10"/>
      <c r="C421" s="10"/>
      <c r="F421" s="10"/>
      <c r="H421" s="10"/>
      <c r="I421" s="10"/>
      <c r="J421" s="8"/>
    </row>
    <row r="422" spans="1:10" s="7" customFormat="1" ht="13.5" customHeight="1" x14ac:dyDescent="0.2">
      <c r="A422" s="8"/>
      <c r="B422" s="10"/>
      <c r="C422" s="10"/>
      <c r="F422" s="10"/>
      <c r="H422" s="10"/>
      <c r="I422" s="10"/>
      <c r="J422" s="8"/>
    </row>
    <row r="423" spans="1:10" s="7" customFormat="1" ht="13.5" customHeight="1" x14ac:dyDescent="0.2">
      <c r="A423" s="8"/>
      <c r="B423" s="10"/>
      <c r="C423" s="10"/>
      <c r="F423" s="10"/>
      <c r="H423" s="10"/>
      <c r="I423" s="10"/>
      <c r="J423" s="8"/>
    </row>
    <row r="424" spans="1:10" ht="14.25" customHeight="1" x14ac:dyDescent="0.2">
      <c r="A424" s="8"/>
    </row>
    <row r="425" spans="1:10" s="7" customFormat="1" ht="14.25" customHeight="1" x14ac:dyDescent="0.2">
      <c r="A425" s="8"/>
      <c r="B425" s="10"/>
      <c r="C425" s="10"/>
      <c r="F425" s="10"/>
      <c r="H425" s="10"/>
      <c r="I425" s="10"/>
      <c r="J425" s="8"/>
    </row>
    <row r="426" spans="1:10" ht="14.25" customHeight="1" x14ac:dyDescent="0.2">
      <c r="A426" s="8"/>
    </row>
    <row r="427" spans="1:10" s="7" customFormat="1" ht="14.25" customHeight="1" x14ac:dyDescent="0.2">
      <c r="A427" s="8"/>
      <c r="B427" s="10"/>
      <c r="C427" s="10"/>
      <c r="F427" s="10"/>
      <c r="H427" s="10"/>
      <c r="I427" s="10"/>
      <c r="J427" s="8"/>
    </row>
    <row r="428" spans="1:10" ht="14.25" customHeight="1" x14ac:dyDescent="0.2">
      <c r="A428" s="8"/>
    </row>
    <row r="429" spans="1:10" s="7" customFormat="1" ht="14.25" customHeight="1" x14ac:dyDescent="0.2">
      <c r="A429" s="8"/>
      <c r="B429" s="10"/>
      <c r="C429" s="10"/>
      <c r="F429" s="10"/>
      <c r="H429" s="10"/>
      <c r="I429" s="10"/>
      <c r="J429" s="8"/>
    </row>
    <row r="430" spans="1:10" s="7" customFormat="1" ht="14.25" customHeight="1" x14ac:dyDescent="0.2">
      <c r="A430" s="8"/>
      <c r="B430" s="10"/>
      <c r="C430" s="10"/>
      <c r="F430" s="10"/>
      <c r="H430" s="10"/>
      <c r="I430" s="10"/>
      <c r="J430" s="8"/>
    </row>
    <row r="431" spans="1:10" ht="14.25" customHeight="1" x14ac:dyDescent="0.2">
      <c r="A431" s="8"/>
    </row>
    <row r="432" spans="1:10" s="7" customFormat="1" ht="14.25" customHeight="1" x14ac:dyDescent="0.2">
      <c r="A432" s="8"/>
      <c r="B432" s="10"/>
      <c r="C432" s="10"/>
      <c r="F432" s="10"/>
      <c r="H432" s="10"/>
      <c r="I432" s="10"/>
      <c r="J432" s="8"/>
    </row>
    <row r="433" spans="1:10" s="7" customFormat="1" ht="14.25" customHeight="1" x14ac:dyDescent="0.2">
      <c r="A433" s="8"/>
      <c r="B433" s="10"/>
      <c r="C433" s="10"/>
      <c r="F433" s="10"/>
      <c r="H433" s="10"/>
      <c r="I433" s="10"/>
      <c r="J433" s="8"/>
    </row>
    <row r="434" spans="1:10" ht="14.25" customHeight="1" x14ac:dyDescent="0.2">
      <c r="A434" s="8"/>
    </row>
    <row r="435" spans="1:10" ht="14.25" customHeight="1" x14ac:dyDescent="0.2">
      <c r="A435" s="8"/>
    </row>
    <row r="436" spans="1:10" s="7" customFormat="1" ht="14.25" customHeight="1" x14ac:dyDescent="0.2">
      <c r="A436" s="8"/>
      <c r="B436" s="10"/>
      <c r="C436" s="10"/>
      <c r="F436" s="10"/>
      <c r="H436" s="10"/>
      <c r="I436" s="10"/>
      <c r="J436" s="8"/>
    </row>
    <row r="437" spans="1:10" ht="14.25" customHeight="1" x14ac:dyDescent="0.2">
      <c r="A437" s="8"/>
    </row>
    <row r="438" spans="1:10" ht="14.25" customHeight="1" x14ac:dyDescent="0.2">
      <c r="A438" s="8"/>
    </row>
    <row r="439" spans="1:10" ht="14.25" customHeight="1" x14ac:dyDescent="0.2">
      <c r="A439" s="8"/>
    </row>
    <row r="440" spans="1:10" ht="14.25" customHeight="1" x14ac:dyDescent="0.2">
      <c r="A440" s="8"/>
    </row>
    <row r="441" spans="1:10" ht="14.25" customHeight="1" x14ac:dyDescent="0.2">
      <c r="A441" s="8"/>
    </row>
    <row r="442" spans="1:10" ht="14.25" customHeight="1" x14ac:dyDescent="0.2">
      <c r="A442" s="8"/>
    </row>
    <row r="443" spans="1:10" ht="14.25" customHeight="1" x14ac:dyDescent="0.2">
      <c r="A443" s="8"/>
    </row>
    <row r="444" spans="1:10" ht="14.25" customHeight="1" x14ac:dyDescent="0.2">
      <c r="A444" s="8"/>
    </row>
    <row r="445" spans="1:10" ht="14.25" customHeight="1" x14ac:dyDescent="0.2">
      <c r="A445" s="8"/>
    </row>
    <row r="446" spans="1:10" ht="14.25" customHeight="1" x14ac:dyDescent="0.2">
      <c r="A446" s="8"/>
    </row>
    <row r="447" spans="1:10" ht="14.25" customHeight="1" x14ac:dyDescent="0.2">
      <c r="A447" s="8"/>
    </row>
    <row r="448" spans="1:10" ht="14.25" customHeight="1" x14ac:dyDescent="0.2">
      <c r="A448" s="8"/>
    </row>
    <row r="449" spans="1:10" ht="14.25" customHeight="1" x14ac:dyDescent="0.2">
      <c r="A449" s="8"/>
    </row>
    <row r="450" spans="1:10" s="7" customFormat="1" ht="14.25" customHeight="1" x14ac:dyDescent="0.2">
      <c r="A450" s="8"/>
      <c r="B450" s="10"/>
      <c r="C450" s="10"/>
      <c r="F450" s="10"/>
      <c r="H450" s="10"/>
      <c r="I450" s="10"/>
      <c r="J450" s="8"/>
    </row>
    <row r="451" spans="1:10" s="7" customFormat="1" ht="14.25" customHeight="1" x14ac:dyDescent="0.2">
      <c r="A451" s="8"/>
      <c r="B451" s="10"/>
      <c r="C451" s="10"/>
      <c r="F451" s="10"/>
      <c r="H451" s="10"/>
      <c r="I451" s="10"/>
      <c r="J451" s="8"/>
    </row>
    <row r="452" spans="1:10" ht="14.25" customHeight="1" x14ac:dyDescent="0.2">
      <c r="A452" s="8"/>
    </row>
    <row r="453" spans="1:10" s="7" customFormat="1" ht="14.25" customHeight="1" x14ac:dyDescent="0.2">
      <c r="A453" s="8"/>
      <c r="B453" s="10"/>
      <c r="C453" s="10"/>
      <c r="F453" s="10"/>
      <c r="H453" s="10"/>
      <c r="I453" s="10"/>
      <c r="J453" s="8"/>
    </row>
    <row r="454" spans="1:10" s="7" customFormat="1" ht="14.25" customHeight="1" x14ac:dyDescent="0.2">
      <c r="A454" s="8"/>
      <c r="B454" s="10"/>
      <c r="C454" s="10"/>
      <c r="F454" s="10"/>
      <c r="H454" s="10"/>
      <c r="I454" s="10"/>
      <c r="J454" s="8"/>
    </row>
    <row r="455" spans="1:10" ht="14.25" customHeight="1" x14ac:dyDescent="0.2">
      <c r="A455" s="8"/>
    </row>
    <row r="456" spans="1:10" s="7" customFormat="1" ht="14.25" customHeight="1" x14ac:dyDescent="0.2">
      <c r="A456" s="8"/>
      <c r="B456" s="10"/>
      <c r="C456" s="10"/>
      <c r="F456" s="10"/>
      <c r="H456" s="10"/>
      <c r="I456" s="10"/>
      <c r="J456" s="8"/>
    </row>
    <row r="457" spans="1:10" ht="14.25" customHeight="1" x14ac:dyDescent="0.2">
      <c r="A457" s="8"/>
    </row>
    <row r="458" spans="1:10" ht="14.25" customHeight="1" x14ac:dyDescent="0.2">
      <c r="A458" s="8"/>
    </row>
    <row r="459" spans="1:10" ht="14.25" customHeight="1" x14ac:dyDescent="0.2">
      <c r="A459" s="8"/>
    </row>
    <row r="460" spans="1:10" s="7" customFormat="1" ht="14.25" customHeight="1" x14ac:dyDescent="0.2">
      <c r="A460" s="8"/>
      <c r="B460" s="10"/>
      <c r="C460" s="10"/>
      <c r="F460" s="10"/>
      <c r="H460" s="10"/>
      <c r="I460" s="10"/>
      <c r="J460" s="8"/>
    </row>
    <row r="461" spans="1:10" ht="14.25" customHeight="1" x14ac:dyDescent="0.2">
      <c r="A461" s="8"/>
    </row>
    <row r="462" spans="1:10" ht="14.25" customHeight="1" x14ac:dyDescent="0.2">
      <c r="A462" s="8"/>
    </row>
    <row r="463" spans="1:10" x14ac:dyDescent="0.2">
      <c r="A463" s="8"/>
    </row>
    <row r="467" spans="2:13" s="3" customFormat="1" x14ac:dyDescent="0.2">
      <c r="B467" s="10"/>
      <c r="C467" s="10"/>
      <c r="D467" s="7"/>
      <c r="E467" s="7"/>
      <c r="F467" s="10"/>
      <c r="G467" s="7"/>
      <c r="H467" s="10"/>
      <c r="I467" s="10"/>
      <c r="K467"/>
      <c r="L467"/>
      <c r="M467"/>
    </row>
    <row r="468" spans="2:13" s="3" customFormat="1" x14ac:dyDescent="0.2">
      <c r="B468" s="10"/>
      <c r="C468" s="10"/>
      <c r="D468" s="7"/>
      <c r="E468" s="7"/>
      <c r="F468" s="10"/>
      <c r="G468" s="7"/>
      <c r="H468" s="10"/>
      <c r="I468" s="10"/>
      <c r="K468"/>
      <c r="L468"/>
      <c r="M468"/>
    </row>
    <row r="469" spans="2:13" s="3" customFormat="1" x14ac:dyDescent="0.2">
      <c r="B469" s="10"/>
      <c r="C469" s="10"/>
      <c r="D469" s="7"/>
      <c r="E469" s="7"/>
      <c r="F469" s="10"/>
      <c r="G469" s="7"/>
      <c r="H469" s="10"/>
      <c r="I469" s="10"/>
      <c r="K469"/>
      <c r="L469"/>
      <c r="M469"/>
    </row>
    <row r="470" spans="2:13" s="3" customFormat="1" x14ac:dyDescent="0.2">
      <c r="B470" s="10"/>
      <c r="C470" s="10"/>
      <c r="D470" s="7"/>
      <c r="E470" s="7"/>
      <c r="F470" s="10"/>
      <c r="G470" s="7"/>
      <c r="H470" s="10"/>
      <c r="I470" s="10"/>
      <c r="K470"/>
      <c r="L470"/>
      <c r="M470"/>
    </row>
    <row r="471" spans="2:13" s="3" customFormat="1" x14ac:dyDescent="0.2">
      <c r="B471" s="10"/>
      <c r="C471" s="10"/>
      <c r="D471" s="7"/>
      <c r="E471" s="7"/>
      <c r="F471" s="10"/>
      <c r="G471" s="7"/>
      <c r="H471" s="10"/>
      <c r="I471" s="10"/>
      <c r="K471"/>
      <c r="L471"/>
      <c r="M471"/>
    </row>
    <row r="472" spans="2:13" s="3" customFormat="1" x14ac:dyDescent="0.2">
      <c r="B472" s="10"/>
      <c r="C472" s="10"/>
      <c r="D472" s="7"/>
      <c r="E472" s="7"/>
      <c r="F472" s="10"/>
      <c r="G472" s="7"/>
      <c r="H472" s="10"/>
      <c r="I472" s="10"/>
      <c r="K472"/>
      <c r="L472"/>
      <c r="M472"/>
    </row>
    <row r="473" spans="2:13" s="3" customFormat="1" x14ac:dyDescent="0.2">
      <c r="B473" s="10"/>
      <c r="C473" s="10"/>
      <c r="D473" s="7"/>
      <c r="E473" s="7"/>
      <c r="F473" s="10"/>
      <c r="G473" s="7"/>
      <c r="H473" s="10"/>
      <c r="I473" s="10"/>
      <c r="K473"/>
      <c r="L473"/>
      <c r="M473"/>
    </row>
    <row r="474" spans="2:13" s="3" customFormat="1" x14ac:dyDescent="0.2">
      <c r="B474" s="10"/>
      <c r="C474" s="10"/>
      <c r="D474" s="7"/>
      <c r="E474" s="7"/>
      <c r="F474" s="10"/>
      <c r="G474" s="7"/>
      <c r="H474" s="10"/>
      <c r="I474" s="10"/>
      <c r="K474"/>
      <c r="L474"/>
      <c r="M474"/>
    </row>
    <row r="475" spans="2:13" s="3" customFormat="1" x14ac:dyDescent="0.2">
      <c r="B475" s="10"/>
      <c r="C475" s="10"/>
      <c r="D475" s="7"/>
      <c r="E475" s="7"/>
      <c r="F475" s="10"/>
      <c r="G475" s="7"/>
      <c r="H475" s="10"/>
      <c r="I475" s="10"/>
      <c r="K475"/>
      <c r="L475"/>
      <c r="M475"/>
    </row>
    <row r="476" spans="2:13" s="3" customFormat="1" x14ac:dyDescent="0.2">
      <c r="B476" s="10"/>
      <c r="C476" s="10"/>
      <c r="D476" s="7"/>
      <c r="E476" s="7"/>
      <c r="F476" s="10"/>
      <c r="G476" s="7"/>
      <c r="H476" s="10"/>
      <c r="I476" s="10"/>
      <c r="K476"/>
      <c r="L476"/>
      <c r="M476"/>
    </row>
    <row r="477" spans="2:13" s="3" customFormat="1" x14ac:dyDescent="0.2">
      <c r="B477" s="10"/>
      <c r="C477" s="10"/>
      <c r="D477" s="7"/>
      <c r="E477" s="7"/>
      <c r="F477" s="10"/>
      <c r="G477" s="7"/>
      <c r="H477" s="10"/>
      <c r="I477" s="10"/>
      <c r="K477"/>
      <c r="L477"/>
      <c r="M477"/>
    </row>
    <row r="478" spans="2:13" s="3" customFormat="1" x14ac:dyDescent="0.2">
      <c r="B478" s="10"/>
      <c r="C478" s="10"/>
      <c r="D478" s="7"/>
      <c r="E478" s="7"/>
      <c r="F478" s="10"/>
      <c r="G478" s="7"/>
      <c r="H478" s="10"/>
      <c r="I478" s="10"/>
      <c r="K478"/>
      <c r="L478"/>
      <c r="M478"/>
    </row>
    <row r="479" spans="2:13" s="3" customFormat="1" x14ac:dyDescent="0.2">
      <c r="B479" s="10"/>
      <c r="C479" s="10"/>
      <c r="D479" s="7"/>
      <c r="E479" s="7"/>
      <c r="F479" s="10"/>
      <c r="G479" s="7"/>
      <c r="H479" s="10"/>
      <c r="I479" s="10"/>
      <c r="K479"/>
      <c r="L479"/>
      <c r="M479"/>
    </row>
    <row r="480" spans="2:13" s="3" customFormat="1" x14ac:dyDescent="0.2">
      <c r="B480" s="10"/>
      <c r="C480" s="10"/>
      <c r="D480" s="7"/>
      <c r="E480" s="7"/>
      <c r="F480" s="10"/>
      <c r="G480" s="7"/>
      <c r="H480" s="10"/>
      <c r="I480" s="10"/>
      <c r="K480"/>
      <c r="L480"/>
      <c r="M480"/>
    </row>
    <row r="481" spans="2:13" s="3" customFormat="1" x14ac:dyDescent="0.2">
      <c r="B481" s="10"/>
      <c r="C481" s="10"/>
      <c r="D481" s="7"/>
      <c r="E481" s="7"/>
      <c r="F481" s="10"/>
      <c r="G481" s="7"/>
      <c r="H481" s="10"/>
      <c r="I481" s="10"/>
      <c r="K481"/>
      <c r="L481"/>
      <c r="M481"/>
    </row>
    <row r="482" spans="2:13" s="3" customFormat="1" x14ac:dyDescent="0.2">
      <c r="B482" s="10"/>
      <c r="C482" s="10"/>
      <c r="D482" s="7"/>
      <c r="E482" s="7"/>
      <c r="F482" s="10"/>
      <c r="G482" s="7"/>
      <c r="H482" s="10"/>
      <c r="I482" s="10"/>
      <c r="K482"/>
      <c r="L482"/>
      <c r="M482"/>
    </row>
    <row r="483" spans="2:13" s="3" customFormat="1" x14ac:dyDescent="0.2">
      <c r="B483" s="10"/>
      <c r="C483" s="10"/>
      <c r="D483" s="7"/>
      <c r="E483" s="7"/>
      <c r="F483" s="10"/>
      <c r="G483" s="7"/>
      <c r="H483" s="10"/>
      <c r="I483" s="10"/>
      <c r="K483"/>
      <c r="L483"/>
      <c r="M483"/>
    </row>
    <row r="484" spans="2:13" s="3" customFormat="1" x14ac:dyDescent="0.2">
      <c r="B484" s="10"/>
      <c r="C484" s="10"/>
      <c r="D484" s="7"/>
      <c r="E484" s="7"/>
      <c r="F484" s="10"/>
      <c r="G484" s="7"/>
      <c r="H484" s="10"/>
      <c r="I484" s="10"/>
      <c r="K484"/>
      <c r="L484"/>
      <c r="M484"/>
    </row>
    <row r="485" spans="2:13" s="3" customFormat="1" x14ac:dyDescent="0.2">
      <c r="B485" s="10"/>
      <c r="C485" s="10"/>
      <c r="D485" s="7"/>
      <c r="E485" s="7"/>
      <c r="F485" s="10"/>
      <c r="G485" s="7"/>
      <c r="H485" s="10"/>
      <c r="I485" s="10"/>
      <c r="K485"/>
      <c r="L485"/>
      <c r="M485"/>
    </row>
    <row r="486" spans="2:13" s="3" customFormat="1" x14ac:dyDescent="0.2">
      <c r="B486" s="10"/>
      <c r="C486" s="10"/>
      <c r="D486" s="7"/>
      <c r="E486" s="7"/>
      <c r="F486" s="10"/>
      <c r="G486" s="7"/>
      <c r="H486" s="10"/>
      <c r="I486" s="10"/>
      <c r="K486"/>
      <c r="L486"/>
      <c r="M486"/>
    </row>
    <row r="487" spans="2:13" s="3" customFormat="1" x14ac:dyDescent="0.2">
      <c r="B487" s="10"/>
      <c r="C487" s="10"/>
      <c r="D487" s="7"/>
      <c r="E487" s="7"/>
      <c r="F487" s="10"/>
      <c r="G487" s="7"/>
      <c r="H487" s="10"/>
      <c r="I487" s="10"/>
      <c r="K487"/>
      <c r="L487"/>
      <c r="M487"/>
    </row>
    <row r="488" spans="2:13" s="3" customFormat="1" x14ac:dyDescent="0.2">
      <c r="B488" s="10"/>
      <c r="C488" s="10"/>
      <c r="D488" s="7"/>
      <c r="E488" s="7"/>
      <c r="F488" s="10"/>
      <c r="G488" s="7"/>
      <c r="H488" s="10"/>
      <c r="I488" s="10"/>
      <c r="K488"/>
      <c r="L488"/>
      <c r="M488"/>
    </row>
    <row r="489" spans="2:13" s="3" customFormat="1" x14ac:dyDescent="0.2">
      <c r="B489" s="10"/>
      <c r="C489" s="10"/>
      <c r="D489" s="7"/>
      <c r="E489" s="7"/>
      <c r="F489" s="10"/>
      <c r="G489" s="7"/>
      <c r="H489" s="10"/>
      <c r="I489" s="10"/>
      <c r="K489"/>
      <c r="L489"/>
      <c r="M489"/>
    </row>
    <row r="490" spans="2:13" s="3" customFormat="1" x14ac:dyDescent="0.2">
      <c r="B490" s="10"/>
      <c r="C490" s="10"/>
      <c r="D490" s="7"/>
      <c r="E490" s="7"/>
      <c r="F490" s="10"/>
      <c r="G490" s="7"/>
      <c r="H490" s="10"/>
      <c r="I490" s="10"/>
      <c r="K490"/>
      <c r="L490"/>
      <c r="M490"/>
    </row>
    <row r="491" spans="2:13" s="3" customFormat="1" x14ac:dyDescent="0.2">
      <c r="B491" s="10"/>
      <c r="C491" s="10"/>
      <c r="D491" s="7"/>
      <c r="E491" s="7"/>
      <c r="F491" s="10"/>
      <c r="G491" s="7"/>
      <c r="H491" s="10"/>
      <c r="I491" s="10"/>
      <c r="K491"/>
      <c r="L491"/>
      <c r="M491"/>
    </row>
    <row r="492" spans="2:13" s="3" customFormat="1" x14ac:dyDescent="0.2">
      <c r="B492" s="10"/>
      <c r="C492" s="10"/>
      <c r="D492" s="7"/>
      <c r="E492" s="7"/>
      <c r="F492" s="10"/>
      <c r="G492" s="7"/>
      <c r="H492" s="10"/>
      <c r="I492" s="10"/>
      <c r="K492"/>
      <c r="L492"/>
      <c r="M492"/>
    </row>
    <row r="493" spans="2:13" s="3" customFormat="1" x14ac:dyDescent="0.2">
      <c r="B493" s="10"/>
      <c r="C493" s="10"/>
      <c r="D493" s="7"/>
      <c r="E493" s="7"/>
      <c r="F493" s="10"/>
      <c r="G493" s="7"/>
      <c r="H493" s="10"/>
      <c r="I493" s="10"/>
      <c r="K493"/>
      <c r="L493"/>
      <c r="M493"/>
    </row>
    <row r="494" spans="2:13" s="3" customFormat="1" x14ac:dyDescent="0.2">
      <c r="B494" s="10"/>
      <c r="C494" s="10"/>
      <c r="D494" s="7"/>
      <c r="E494" s="7"/>
      <c r="F494" s="10"/>
      <c r="G494" s="7"/>
      <c r="H494" s="10"/>
      <c r="I494" s="10"/>
      <c r="K494"/>
      <c r="L494"/>
      <c r="M494"/>
    </row>
    <row r="495" spans="2:13" s="3" customFormat="1" x14ac:dyDescent="0.2">
      <c r="B495" s="10"/>
      <c r="C495" s="10"/>
      <c r="D495" s="7"/>
      <c r="E495" s="7"/>
      <c r="F495" s="10"/>
      <c r="G495" s="7"/>
      <c r="H495" s="10"/>
      <c r="I495" s="10"/>
      <c r="K495"/>
      <c r="L495"/>
      <c r="M495"/>
    </row>
    <row r="496" spans="2:13" s="3" customFormat="1" x14ac:dyDescent="0.2">
      <c r="B496" s="10"/>
      <c r="C496" s="10"/>
      <c r="D496" s="7"/>
      <c r="E496" s="7"/>
      <c r="F496" s="10"/>
      <c r="G496" s="7"/>
      <c r="H496" s="10"/>
      <c r="I496" s="10"/>
      <c r="K496"/>
      <c r="L496"/>
      <c r="M496"/>
    </row>
    <row r="497" spans="2:13" s="3" customFormat="1" x14ac:dyDescent="0.2">
      <c r="B497" s="10"/>
      <c r="C497" s="10"/>
      <c r="D497" s="7"/>
      <c r="E497" s="7"/>
      <c r="F497" s="10"/>
      <c r="G497" s="7"/>
      <c r="H497" s="10"/>
      <c r="I497" s="10"/>
      <c r="K497"/>
      <c r="L497"/>
      <c r="M497"/>
    </row>
    <row r="498" spans="2:13" s="3" customFormat="1" x14ac:dyDescent="0.2">
      <c r="B498" s="10"/>
      <c r="C498" s="10"/>
      <c r="D498" s="7"/>
      <c r="E498" s="7"/>
      <c r="F498" s="10"/>
      <c r="G498" s="7"/>
      <c r="H498" s="10"/>
      <c r="I498" s="10"/>
      <c r="K498"/>
      <c r="L498"/>
      <c r="M498"/>
    </row>
    <row r="499" spans="2:13" s="3" customFormat="1" x14ac:dyDescent="0.2">
      <c r="B499" s="10"/>
      <c r="C499" s="10"/>
      <c r="D499" s="7"/>
      <c r="E499" s="7"/>
      <c r="F499" s="10"/>
      <c r="G499" s="7"/>
      <c r="H499" s="10"/>
      <c r="I499" s="10"/>
      <c r="K499"/>
      <c r="L499"/>
      <c r="M499"/>
    </row>
    <row r="500" spans="2:13" s="3" customFormat="1" x14ac:dyDescent="0.2">
      <c r="B500" s="10"/>
      <c r="C500" s="10"/>
      <c r="D500" s="7"/>
      <c r="E500" s="7"/>
      <c r="F500" s="10"/>
      <c r="G500" s="7"/>
      <c r="H500" s="10"/>
      <c r="I500" s="10"/>
      <c r="K500"/>
      <c r="L500"/>
      <c r="M500"/>
    </row>
    <row r="501" spans="2:13" s="3" customFormat="1" x14ac:dyDescent="0.2">
      <c r="B501" s="10"/>
      <c r="C501" s="10"/>
      <c r="D501" s="7"/>
      <c r="E501" s="7"/>
      <c r="F501" s="10"/>
      <c r="G501" s="7"/>
      <c r="H501" s="10"/>
      <c r="I501" s="10"/>
      <c r="K501"/>
      <c r="L501"/>
      <c r="M501"/>
    </row>
    <row r="502" spans="2:13" s="3" customFormat="1" x14ac:dyDescent="0.2">
      <c r="B502" s="10"/>
      <c r="C502" s="10"/>
      <c r="D502" s="7"/>
      <c r="E502" s="7"/>
      <c r="F502" s="10"/>
      <c r="G502" s="7"/>
      <c r="H502" s="10"/>
      <c r="I502" s="10"/>
      <c r="K502"/>
      <c r="L502"/>
      <c r="M502"/>
    </row>
    <row r="503" spans="2:13" s="3" customFormat="1" x14ac:dyDescent="0.2">
      <c r="B503" s="10"/>
      <c r="C503" s="10"/>
      <c r="D503" s="7"/>
      <c r="E503" s="7"/>
      <c r="F503" s="10"/>
      <c r="G503" s="7"/>
      <c r="H503" s="10"/>
      <c r="I503" s="10"/>
      <c r="K503"/>
      <c r="L503"/>
      <c r="M503"/>
    </row>
    <row r="504" spans="2:13" s="3" customFormat="1" x14ac:dyDescent="0.2">
      <c r="B504" s="10"/>
      <c r="C504" s="10"/>
      <c r="D504" s="7"/>
      <c r="E504" s="7"/>
      <c r="F504" s="10"/>
      <c r="G504" s="7"/>
      <c r="H504" s="10"/>
      <c r="I504" s="10"/>
      <c r="K504"/>
      <c r="L504"/>
      <c r="M504"/>
    </row>
    <row r="505" spans="2:13" s="3" customFormat="1" x14ac:dyDescent="0.2">
      <c r="B505" s="10"/>
      <c r="C505" s="10"/>
      <c r="D505" s="7"/>
      <c r="E505" s="7"/>
      <c r="F505" s="10"/>
      <c r="G505" s="7"/>
      <c r="H505" s="10"/>
      <c r="I505" s="10"/>
      <c r="K505"/>
      <c r="L505"/>
      <c r="M505"/>
    </row>
    <row r="506" spans="2:13" s="3" customFormat="1" x14ac:dyDescent="0.2">
      <c r="B506" s="10"/>
      <c r="C506" s="10"/>
      <c r="D506" s="7"/>
      <c r="E506" s="7"/>
      <c r="F506" s="10"/>
      <c r="G506" s="7"/>
      <c r="H506" s="10"/>
      <c r="I506" s="10"/>
      <c r="K506"/>
      <c r="L506"/>
      <c r="M506"/>
    </row>
    <row r="507" spans="2:13" s="3" customFormat="1" x14ac:dyDescent="0.2">
      <c r="B507" s="10"/>
      <c r="C507" s="10"/>
      <c r="D507" s="7"/>
      <c r="E507" s="7"/>
      <c r="F507" s="10"/>
      <c r="G507" s="7"/>
      <c r="H507" s="10"/>
      <c r="I507" s="10"/>
      <c r="K507"/>
      <c r="L507"/>
      <c r="M507"/>
    </row>
    <row r="508" spans="2:13" s="3" customFormat="1" x14ac:dyDescent="0.2">
      <c r="B508" s="10"/>
      <c r="C508" s="10"/>
      <c r="D508" s="7"/>
      <c r="E508" s="7"/>
      <c r="F508" s="10"/>
      <c r="G508" s="7"/>
      <c r="H508" s="10"/>
      <c r="I508" s="10"/>
      <c r="K508"/>
      <c r="L508"/>
      <c r="M508"/>
    </row>
    <row r="509" spans="2:13" s="3" customFormat="1" x14ac:dyDescent="0.2">
      <c r="B509" s="10"/>
      <c r="C509" s="10"/>
      <c r="D509" s="7"/>
      <c r="E509" s="7"/>
      <c r="F509" s="10"/>
      <c r="G509" s="7"/>
      <c r="H509" s="10"/>
      <c r="I509" s="10"/>
      <c r="K509"/>
      <c r="L509"/>
      <c r="M509"/>
    </row>
    <row r="510" spans="2:13" s="3" customFormat="1" x14ac:dyDescent="0.2">
      <c r="B510" s="10"/>
      <c r="C510" s="10"/>
      <c r="D510" s="7"/>
      <c r="E510" s="7"/>
      <c r="F510" s="10"/>
      <c r="G510" s="7"/>
      <c r="H510" s="10"/>
      <c r="I510" s="10"/>
      <c r="K510"/>
      <c r="L510"/>
      <c r="M510"/>
    </row>
    <row r="511" spans="2:13" s="3" customFormat="1" x14ac:dyDescent="0.2">
      <c r="B511" s="10"/>
      <c r="C511" s="10"/>
      <c r="D511" s="7"/>
      <c r="E511" s="7"/>
      <c r="F511" s="10"/>
      <c r="G511" s="7"/>
      <c r="H511" s="10"/>
      <c r="I511" s="10"/>
      <c r="K511"/>
      <c r="L511"/>
      <c r="M511"/>
    </row>
    <row r="512" spans="2:13" s="3" customFormat="1" x14ac:dyDescent="0.2">
      <c r="B512" s="10"/>
      <c r="C512" s="10"/>
      <c r="D512" s="7"/>
      <c r="E512" s="7"/>
      <c r="F512" s="10"/>
      <c r="G512" s="7"/>
      <c r="H512" s="10"/>
      <c r="I512" s="10"/>
      <c r="K512"/>
      <c r="L512"/>
      <c r="M512"/>
    </row>
    <row r="513" spans="2:13" s="3" customFormat="1" x14ac:dyDescent="0.2">
      <c r="B513" s="10"/>
      <c r="C513" s="10"/>
      <c r="D513" s="7"/>
      <c r="E513" s="7"/>
      <c r="F513" s="10"/>
      <c r="G513" s="7"/>
      <c r="H513" s="10"/>
      <c r="I513" s="10"/>
      <c r="K513"/>
      <c r="L513"/>
      <c r="M513"/>
    </row>
    <row r="514" spans="2:13" s="3" customFormat="1" x14ac:dyDescent="0.2">
      <c r="B514" s="10"/>
      <c r="C514" s="10"/>
      <c r="D514" s="7"/>
      <c r="E514" s="7"/>
      <c r="F514" s="10"/>
      <c r="G514" s="7"/>
      <c r="H514" s="10"/>
      <c r="I514" s="10"/>
      <c r="K514"/>
      <c r="L514"/>
      <c r="M514"/>
    </row>
    <row r="515" spans="2:13" s="3" customFormat="1" x14ac:dyDescent="0.2">
      <c r="B515" s="10"/>
      <c r="C515" s="10"/>
      <c r="D515" s="7"/>
      <c r="E515" s="7"/>
      <c r="F515" s="10"/>
      <c r="G515" s="7"/>
      <c r="H515" s="10"/>
      <c r="I515" s="10"/>
      <c r="K515"/>
      <c r="L515"/>
      <c r="M515"/>
    </row>
    <row r="516" spans="2:13" s="3" customFormat="1" x14ac:dyDescent="0.2">
      <c r="B516" s="10"/>
      <c r="C516" s="10"/>
      <c r="D516" s="7"/>
      <c r="E516" s="7"/>
      <c r="F516" s="10"/>
      <c r="G516" s="7"/>
      <c r="H516" s="10"/>
      <c r="I516" s="10"/>
      <c r="K516"/>
      <c r="L516"/>
      <c r="M516"/>
    </row>
    <row r="517" spans="2:13" s="3" customFormat="1" x14ac:dyDescent="0.2">
      <c r="B517" s="10"/>
      <c r="C517" s="10"/>
      <c r="D517" s="7"/>
      <c r="E517" s="7"/>
      <c r="F517" s="10"/>
      <c r="G517" s="7"/>
      <c r="H517" s="10"/>
      <c r="I517" s="10"/>
      <c r="K517"/>
      <c r="L517"/>
      <c r="M517"/>
    </row>
    <row r="518" spans="2:13" s="3" customFormat="1" x14ac:dyDescent="0.2">
      <c r="B518" s="10"/>
      <c r="C518" s="10"/>
      <c r="D518" s="7"/>
      <c r="E518" s="7"/>
      <c r="F518" s="10"/>
      <c r="G518" s="7"/>
      <c r="H518" s="10"/>
      <c r="I518" s="10"/>
      <c r="K518"/>
      <c r="L518"/>
      <c r="M518"/>
    </row>
    <row r="519" spans="2:13" s="3" customFormat="1" x14ac:dyDescent="0.2">
      <c r="B519" s="10"/>
      <c r="C519" s="10"/>
      <c r="D519" s="7"/>
      <c r="E519" s="7"/>
      <c r="F519" s="10"/>
      <c r="G519" s="7"/>
      <c r="H519" s="10"/>
      <c r="I519" s="10"/>
      <c r="K519"/>
      <c r="L519"/>
      <c r="M519"/>
    </row>
    <row r="520" spans="2:13" s="3" customFormat="1" x14ac:dyDescent="0.2">
      <c r="B520" s="10"/>
      <c r="C520" s="10"/>
      <c r="D520" s="7"/>
      <c r="E520" s="7"/>
      <c r="F520" s="10"/>
      <c r="G520" s="7"/>
      <c r="H520" s="10"/>
      <c r="I520" s="10"/>
      <c r="K520"/>
      <c r="L520"/>
      <c r="M520"/>
    </row>
    <row r="521" spans="2:13" s="3" customFormat="1" x14ac:dyDescent="0.2">
      <c r="B521" s="10"/>
      <c r="C521" s="10"/>
      <c r="D521" s="7"/>
      <c r="E521" s="7"/>
      <c r="F521" s="10"/>
      <c r="G521" s="7"/>
      <c r="H521" s="10"/>
      <c r="I521" s="10"/>
      <c r="K521"/>
      <c r="L521"/>
      <c r="M521"/>
    </row>
    <row r="522" spans="2:13" s="3" customFormat="1" x14ac:dyDescent="0.2">
      <c r="B522" s="10"/>
      <c r="C522" s="10"/>
      <c r="D522" s="7"/>
      <c r="E522" s="7"/>
      <c r="F522" s="10"/>
      <c r="G522" s="7"/>
      <c r="H522" s="10"/>
      <c r="I522" s="10"/>
      <c r="K522"/>
      <c r="L522"/>
      <c r="M522"/>
    </row>
    <row r="523" spans="2:13" s="3" customFormat="1" x14ac:dyDescent="0.2">
      <c r="B523" s="10"/>
      <c r="C523" s="10"/>
      <c r="D523" s="7"/>
      <c r="E523" s="7"/>
      <c r="F523" s="10"/>
      <c r="G523" s="7"/>
      <c r="H523" s="10"/>
      <c r="I523" s="10"/>
      <c r="K523"/>
      <c r="L523"/>
      <c r="M523"/>
    </row>
    <row r="524" spans="2:13" s="3" customFormat="1" x14ac:dyDescent="0.2">
      <c r="B524" s="10"/>
      <c r="C524" s="10"/>
      <c r="D524" s="7"/>
      <c r="E524" s="7"/>
      <c r="F524" s="10"/>
      <c r="G524" s="7"/>
      <c r="H524" s="10"/>
      <c r="I524" s="10"/>
      <c r="K524"/>
      <c r="L524"/>
      <c r="M524"/>
    </row>
    <row r="525" spans="2:13" s="3" customFormat="1" x14ac:dyDescent="0.2">
      <c r="B525" s="10"/>
      <c r="C525" s="10"/>
      <c r="D525" s="7"/>
      <c r="E525" s="7"/>
      <c r="F525" s="10"/>
      <c r="G525" s="7"/>
      <c r="H525" s="10"/>
      <c r="I525" s="10"/>
      <c r="K525"/>
      <c r="L525"/>
      <c r="M525"/>
    </row>
    <row r="526" spans="2:13" s="3" customFormat="1" x14ac:dyDescent="0.2">
      <c r="B526" s="10"/>
      <c r="C526" s="10"/>
      <c r="D526" s="7"/>
      <c r="E526" s="7"/>
      <c r="F526" s="10"/>
      <c r="G526" s="7"/>
      <c r="H526" s="10"/>
      <c r="I526" s="10"/>
      <c r="K526"/>
      <c r="L526"/>
      <c r="M526"/>
    </row>
    <row r="527" spans="2:13" s="3" customFormat="1" x14ac:dyDescent="0.2">
      <c r="B527" s="10"/>
      <c r="C527" s="10"/>
      <c r="D527" s="7"/>
      <c r="E527" s="7"/>
      <c r="F527" s="10"/>
      <c r="G527" s="7"/>
      <c r="H527" s="10"/>
      <c r="I527" s="10"/>
      <c r="K527"/>
      <c r="L527"/>
      <c r="M527"/>
    </row>
    <row r="528" spans="2:13" s="3" customFormat="1" x14ac:dyDescent="0.2">
      <c r="B528" s="10"/>
      <c r="C528" s="10"/>
      <c r="D528" s="7"/>
      <c r="E528" s="7"/>
      <c r="F528" s="10"/>
      <c r="G528" s="7"/>
      <c r="H528" s="10"/>
      <c r="I528" s="10"/>
      <c r="K528"/>
      <c r="L528"/>
      <c r="M528"/>
    </row>
    <row r="529" spans="2:13" s="3" customFormat="1" x14ac:dyDescent="0.2">
      <c r="B529" s="10"/>
      <c r="C529" s="10"/>
      <c r="D529" s="7"/>
      <c r="E529" s="7"/>
      <c r="F529" s="10"/>
      <c r="G529" s="7"/>
      <c r="H529" s="10"/>
      <c r="I529" s="10"/>
      <c r="K529"/>
      <c r="L529"/>
      <c r="M529"/>
    </row>
    <row r="530" spans="2:13" s="3" customFormat="1" x14ac:dyDescent="0.2">
      <c r="B530" s="10"/>
      <c r="C530" s="10"/>
      <c r="D530" s="7"/>
      <c r="E530" s="7"/>
      <c r="F530" s="10"/>
      <c r="G530" s="7"/>
      <c r="H530" s="10"/>
      <c r="I530" s="10"/>
      <c r="K530"/>
      <c r="L530"/>
      <c r="M530"/>
    </row>
    <row r="531" spans="2:13" s="3" customFormat="1" x14ac:dyDescent="0.2">
      <c r="B531" s="10"/>
      <c r="C531" s="10"/>
      <c r="D531" s="7"/>
      <c r="E531" s="7"/>
      <c r="F531" s="10"/>
      <c r="G531" s="7"/>
      <c r="H531" s="10"/>
      <c r="I531" s="10"/>
      <c r="K531"/>
      <c r="L531"/>
      <c r="M531"/>
    </row>
    <row r="532" spans="2:13" s="3" customFormat="1" x14ac:dyDescent="0.2">
      <c r="B532" s="10"/>
      <c r="C532" s="10"/>
      <c r="D532" s="7"/>
      <c r="E532" s="7"/>
      <c r="F532" s="10"/>
      <c r="G532" s="7"/>
      <c r="H532" s="10"/>
      <c r="I532" s="10"/>
      <c r="K532"/>
      <c r="L532"/>
      <c r="M532"/>
    </row>
    <row r="533" spans="2:13" s="3" customFormat="1" x14ac:dyDescent="0.2">
      <c r="B533" s="10"/>
      <c r="C533" s="10"/>
      <c r="D533" s="7"/>
      <c r="E533" s="7"/>
      <c r="F533" s="10"/>
      <c r="G533" s="7"/>
      <c r="H533" s="10"/>
      <c r="I533" s="10"/>
      <c r="K533"/>
      <c r="L533"/>
      <c r="M533"/>
    </row>
    <row r="534" spans="2:13" s="3" customFormat="1" x14ac:dyDescent="0.2">
      <c r="B534" s="10"/>
      <c r="C534" s="10"/>
      <c r="D534" s="7"/>
      <c r="E534" s="7"/>
      <c r="F534" s="10"/>
      <c r="G534" s="7"/>
      <c r="H534" s="10"/>
      <c r="I534" s="10"/>
      <c r="K534"/>
      <c r="L534"/>
      <c r="M534"/>
    </row>
  </sheetData>
  <mergeCells count="27">
    <mergeCell ref="C11:C14"/>
    <mergeCell ref="G11:G12"/>
    <mergeCell ref="H11:H12"/>
    <mergeCell ref="I11:I12"/>
    <mergeCell ref="D11:D12"/>
    <mergeCell ref="E11:E12"/>
    <mergeCell ref="F11:F12"/>
    <mergeCell ref="B4:C4"/>
    <mergeCell ref="H3:I3"/>
    <mergeCell ref="D5:D6"/>
    <mergeCell ref="E5:E6"/>
    <mergeCell ref="D7:D8"/>
    <mergeCell ref="E7:E8"/>
    <mergeCell ref="F5:F6"/>
    <mergeCell ref="G5:G6"/>
    <mergeCell ref="H5:H6"/>
    <mergeCell ref="I5:I6"/>
    <mergeCell ref="I13:I14"/>
    <mergeCell ref="D9:D10"/>
    <mergeCell ref="E9:E10"/>
    <mergeCell ref="F9:F10"/>
    <mergeCell ref="G9:G10"/>
    <mergeCell ref="D13:D14"/>
    <mergeCell ref="E13:E14"/>
    <mergeCell ref="F13:F14"/>
    <mergeCell ref="G13:G14"/>
    <mergeCell ref="H13:H14"/>
  </mergeCells>
  <phoneticPr fontId="1"/>
  <dataValidations count="1">
    <dataValidation type="custom" allowBlank="1" showInputMessage="1" showErrorMessage="1" error="登録済みです！" sqref="I8:I11 I13">
      <formula1>COUNTIF(I:I,I8)&lt;2</formula1>
    </dataValidation>
  </dataValidations>
  <pageMargins left="0.78740157480314965" right="0.78740157480314965" top="0.78740157480314965" bottom="0.19685039370078741" header="0" footer="0"/>
  <pageSetup paperSize="9" scale="6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義務教育学校（横浜市・相模原市）</vt:lpstr>
      <vt:lpstr>'義務教育学校（横浜市・相模原市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2-01T06:41:24Z</cp:lastPrinted>
  <dcterms:created xsi:type="dcterms:W3CDTF">2009-12-22T05:22:22Z</dcterms:created>
  <dcterms:modified xsi:type="dcterms:W3CDTF">2024-03-26T06:50:41Z</dcterms:modified>
</cp:coreProperties>
</file>